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C:\Users\47916\Google Drive\3. ValorisationMethodology (Visualiser, Paper)\2. DDP Tool &amp; website\Archive\2. BUILD (Scenario FRA, MOBF)\"/>
    </mc:Choice>
  </mc:AlternateContent>
  <bookViews>
    <workbookView xWindow="0" yWindow="10350" windowWidth="12555" windowHeight="3465" tabRatio="937"/>
  </bookViews>
  <sheets>
    <sheet name="Instructions" sheetId="30" r:id="rId1"/>
    <sheet name="Calibration Data" sheetId="15" r:id="rId2"/>
  </sheets>
  <externalReferences>
    <externalReference r:id="rId3"/>
    <externalReference r:id="rId4"/>
    <externalReference r:id="rId5"/>
    <externalReference r:id="rId6"/>
    <externalReference r:id="rId7"/>
    <externalReference r:id="rId8"/>
  </externalReferences>
  <definedNames>
    <definedName name="_______NTS06" hidden="1">{#N/A,#N/A,FALSE,"Summary";#N/A,#N/A,FALSE,"road";#N/A,#N/A,FALSE,"raillifted";#N/A,#N/A,FALSE,"inlandwaterway";#N/A,#N/A,FALSE,"seagoing";#N/A,#N/A,FALSE,"pipeline"}</definedName>
    <definedName name="______NTS06">{#N/A,#N/A,FALSE,"Summary";#N/A,#N/A,FALSE,"road";#N/A,#N/A,FALSE,"raillifted";#N/A,#N/A,FALSE,"inlandwaterway";#N/A,#N/A,FALSE,"seagoing";#N/A,#N/A,FALSE,"pipeline"}</definedName>
    <definedName name="_____NTS06">{#N/A,#N/A,FALSE,"Summary";#N/A,#N/A,FALSE,"road";#N/A,#N/A,FALSE,"raillifted";#N/A,#N/A,FALSE,"inlandwaterway";#N/A,#N/A,FALSE,"seagoing";#N/A,#N/A,FALSE,"pipeline"}</definedName>
    <definedName name="____NTS06">{#N/A,#N/A,FALSE,"Summary";#N/A,#N/A,FALSE,"road";#N/A,#N/A,FALSE,"raillifted";#N/A,#N/A,FALSE,"inlandwaterway";#N/A,#N/A,FALSE,"seagoing";#N/A,#N/A,FALSE,"pipeline"}</definedName>
    <definedName name="___NTS06">{#N/A,#N/A,FALSE,"Summary";#N/A,#N/A,FALSE,"road";#N/A,#N/A,FALSE,"raillifted";#N/A,#N/A,FALSE,"inlandwaterway";#N/A,#N/A,FALSE,"seagoing";#N/A,#N/A,FALSE,"pipeline"}</definedName>
    <definedName name="__NTS06">{#N/A,#N/A,FALSE,"Summary";#N/A,#N/A,FALSE,"road";#N/A,#N/A,FALSE,"raillifted";#N/A,#N/A,FALSE,"inlandwaterway";#N/A,#N/A,FALSE,"seagoing";#N/A,#N/A,FALSE,"pipeline"}</definedName>
    <definedName name="_1.2__Average_distance_travelled_by_mode_of_travel__1975_76__1985_86_and_1993_95">!#REF!</definedName>
    <definedName name="_1981">!#REF!</definedName>
    <definedName name="_NTS06">{#N/A,#N/A,FALSE,"Summary";#N/A,#N/A,FALSE,"road";#N/A,#N/A,FALSE,"raillifted";#N/A,#N/A,FALSE,"inlandwaterway";#N/A,#N/A,FALSE,"seagoing";#N/A,#N/A,FALSE,"pipeline"}</definedName>
    <definedName name="_Parse_In">'[1]1997'!#REF!</definedName>
    <definedName name="_tab13">!#REF!</definedName>
    <definedName name="_tab14">!#REF!</definedName>
    <definedName name="a">[2]RAWDATA!$L$2</definedName>
    <definedName name="activeCell">!#REF!</definedName>
    <definedName name="ALL">#N/A</definedName>
    <definedName name="ANNUAL">!#REF!</definedName>
    <definedName name="ayear">[2]RAWDATA!$J$2</definedName>
    <definedName name="BARQTR">!#REF!</definedName>
    <definedName name="BELGIUM">!#REF!</definedName>
    <definedName name="BULL">#N/A</definedName>
    <definedName name="byear">[2]RAWDATA!$L$2</definedName>
    <definedName name="CategoryTitle">!#REF!</definedName>
    <definedName name="cccc">!#REF!</definedName>
    <definedName name="chart">'[3]1997'!$A$7,'[3]1997'!$L$7,'[3]1997'!$M$7,'[3]1997'!#REF!,'[3]1997'!$A$10,'[3]1997'!$A$11,'[3]1997'!$L$10,'[3]1997'!$L$11,'[3]1997'!$M$10,'[3]1997'!$M$11,'[3]1997'!#REF!,'[3]1997'!#REF!,'[3]1997'!$Q$20,'[3]1997'!$L$19,'[3]1997'!$M$19,'[3]1997'!#REF!</definedName>
    <definedName name="Chart2">'[3]1997'!$R$3:$U$5,'[3]1997'!$R$8:$U$9,'[3]1997'!$R$17:$U$17,'[3]1997'!$R$27:$U$28</definedName>
    <definedName name="cyear">[2]RAWDATA!$J$2</definedName>
    <definedName name="DEFLATOR">!#REF!</definedName>
    <definedName name="dgdsfyh">!#REF!</definedName>
    <definedName name="Dialog">[1]!Dialog</definedName>
    <definedName name="dialog2">[1]!dialog2</definedName>
    <definedName name="DK">!#REF!</definedName>
    <definedName name="DNK_D">!#REF!</definedName>
    <definedName name="DOVER">#N/A</definedName>
    <definedName name="EIRE">!#REF!</definedName>
    <definedName name="ENGLISH">#N/A</definedName>
    <definedName name="fayear">#REF!</definedName>
    <definedName name="fbegyear">!#REF!</definedName>
    <definedName name="fdafda">#REF!</definedName>
    <definedName name="fendyear">[2]RAWDATA!$L$2</definedName>
    <definedName name="ffyear">[2]RAWDATA!$J$2</definedName>
    <definedName name="FL">!#REF!</definedName>
    <definedName name="Footnotes">!#REF!</definedName>
    <definedName name="FRANCE">!#REF!</definedName>
    <definedName name="fyear">[2]RAWDATA!$J$2</definedName>
    <definedName name="fyear2">#REF!</definedName>
    <definedName name="GERMANY">!#REF!</definedName>
    <definedName name="GraphData">'[4]TIS-INDEX'!$B$13:$Q$44,'[4]TIS-INDEX'!$E$9:$R$9</definedName>
    <definedName name="GraphTitle">!#REF!</definedName>
    <definedName name="ITALY">!#REF!</definedName>
    <definedName name="j">{#N/A,#N/A,FALSE,"inopert";#N/A,#N/A,FALSE,"electrified";#N/A,#N/A,FALSE,"network"}</definedName>
    <definedName name="jj">{#N/A,#N/A,FALSE,"inopert";#N/A,#N/A,FALSE,"electrified";#N/A,#N/A,FALSE,"network"}</definedName>
    <definedName name="jk">{#N/A,#N/A,FALSE,"inopert";#N/A,#N/A,FALSE,"electrified";#N/A,#N/A,FALSE,"network"}</definedName>
    <definedName name="MACRO">#N/A</definedName>
    <definedName name="new_chart">'[5]1997'!$A$7,'[5]1997'!$L$7,'[5]1997'!$M$7,'[5]1997'!#REF!,'[5]1997'!$A$10,'[5]1997'!$A$11,'[5]1997'!$L$10,'[5]1997'!$L$11,'[5]1997'!$M$10,'[5]1997'!$M$11,'[5]1997'!#REF!,'[5]1997'!#REF!,'[5]1997'!$Q$20,'[5]1997'!$L$19,'[5]1997'!$M$19,'[5]1997'!#REF!</definedName>
    <definedName name="new_dialog">[6]!Dialog</definedName>
    <definedName name="new_table">#REF!</definedName>
    <definedName name="NLS">!#REF!</definedName>
    <definedName name="NONEC">!#REF!</definedName>
    <definedName name="NORTHSEA">#N/A</definedName>
    <definedName name="ol">{#N/A,#N/A,FALSE,"inopert";#N/A,#N/A,FALSE,"electrified";#N/A,#N/A,FALSE,"network"}</definedName>
    <definedName name="OldData">!#REF!</definedName>
    <definedName name="OTHER">#N/A</definedName>
    <definedName name="OTHEREC">!#REF!</definedName>
    <definedName name="persons_UK">#REF!</definedName>
    <definedName name="PIE">!#REF!</definedName>
    <definedName name="printarea">#REF!</definedName>
    <definedName name="PUBLISH_Print_Area">!#REF!</definedName>
    <definedName name="PUBLISH1998_Print_Area">!#REF!</definedName>
    <definedName name="qryNonEUBreakdown">!#REF!</definedName>
    <definedName name="QUARTER">!#REF!</definedName>
    <definedName name="SAM_CTRY_UK">#REF!</definedName>
    <definedName name="SPAIN">!#REF!</definedName>
    <definedName name="TAB4ALL">#N/A</definedName>
    <definedName name="TAB4PV">#N/A</definedName>
    <definedName name="TAB4UT">#N/A</definedName>
    <definedName name="TABA1_2">#N/A</definedName>
    <definedName name="TABA3">#N/A</definedName>
    <definedName name="TABB1_2">#N/A</definedName>
    <definedName name="TableTitle">!#REF!</definedName>
    <definedName name="testing">!#REF!</definedName>
    <definedName name="UK">#N/A</definedName>
    <definedName name="UT">#N/A</definedName>
    <definedName name="ValueTitle">!#REF!</definedName>
    <definedName name="wrn.flifted.">{#N/A,#N/A,FALSE,"Summary";#N/A,#N/A,FALSE,"road";#N/A,#N/A,FALSE,"raillifted";#N/A,#N/A,FALSE,"inlandwaterway";#N/A,#N/A,FALSE,"seagoing";#N/A,#N/A,FALSE,"pipeline"}</definedName>
    <definedName name="wrn.fmoved.">{#N/A,#N/A,FALSE,"road";#N/A,#N/A,FALSE,"inlandwaterway";#N/A,#N/A,FALSE,"seagoing";#N/A,#N/A,FALSE,"pipeline"}</definedName>
    <definedName name="wrn.rail.">{#N/A,#N/A,FALSE,"inopert";#N/A,#N/A,FALSE,"electrified";#N/A,#N/A,FALSE,"network"}</definedName>
    <definedName name="x">{#N/A,#N/A,FALSE,"Summary";#N/A,#N/A,FALSE,"road";#N/A,#N/A,FALSE,"raillifted";#N/A,#N/A,FALSE,"inlandwaterway";#N/A,#N/A,FALSE,"seagoing";#N/A,#N/A,FALSE,"pipeline"}</definedName>
    <definedName name="year">#REF!</definedName>
    <definedName name="_xlnm.Print_Area">!#REF!</definedName>
  </definedNames>
  <calcPr calcId="162913" concurrentCalc="0"/>
  <fileRecoveryPr autoRecover="0"/>
  <extLst>
    <ext xmlns:xcalcf="http://schemas.microsoft.com/office/spreadsheetml/2018/calcfeatures" uri="{B58B0392-4F1F-4190-BB64-5DF3571DCE5F}">
      <xcalcf:calcFeatures>
        <xcalcf:feature name="microsoft.com:RD"/>
      </xcalcf:calcFeatures>
    </ext>
  </extLst>
</workbook>
</file>

<file path=xl/sharedStrings.xml><?xml version="1.0" encoding="utf-8"?>
<sst xmlns="http://schemas.openxmlformats.org/spreadsheetml/2006/main" count="415" uniqueCount="256">
  <si>
    <t>Units</t>
  </si>
  <si>
    <t>%</t>
  </si>
  <si>
    <t>pass / veh</t>
  </si>
  <si>
    <t>MJ / pkm</t>
  </si>
  <si>
    <t>000's inhab</t>
  </si>
  <si>
    <t>Total population</t>
  </si>
  <si>
    <t>km / h</t>
  </si>
  <si>
    <t>Mio vehicle</t>
  </si>
  <si>
    <t>Household size</t>
  </si>
  <si>
    <t>km</t>
  </si>
  <si>
    <t>MJ / vkm</t>
  </si>
  <si>
    <t>% Gvkm</t>
  </si>
  <si>
    <t>kWh / vkm</t>
  </si>
  <si>
    <t>kWh / pkm</t>
  </si>
  <si>
    <t>Total car stock</t>
  </si>
  <si>
    <t>years</t>
  </si>
  <si>
    <t>EJ</t>
  </si>
  <si>
    <t>% Gpkm</t>
  </si>
  <si>
    <t>Total car sales</t>
  </si>
  <si>
    <t>gCO2 / MJ</t>
  </si>
  <si>
    <t>Mio veh</t>
  </si>
  <si>
    <t>pers / household</t>
  </si>
  <si>
    <t>pkm / cap / year</t>
  </si>
  <si>
    <t>PHEV - Elec consumption share</t>
  </si>
  <si>
    <t>FCEV - H2 consumption share</t>
  </si>
  <si>
    <t>% vkm</t>
  </si>
  <si>
    <t>gCO2/kWh</t>
  </si>
  <si>
    <t>A1</t>
  </si>
  <si>
    <t>A2</t>
  </si>
  <si>
    <t>A3</t>
  </si>
  <si>
    <t>A4</t>
  </si>
  <si>
    <t>A5</t>
  </si>
  <si>
    <t>A6</t>
  </si>
  <si>
    <t>A7</t>
  </si>
  <si>
    <t>A8</t>
  </si>
  <si>
    <t>A9</t>
  </si>
  <si>
    <t>A10</t>
  </si>
  <si>
    <t>keur / household / year</t>
  </si>
  <si>
    <t>days / month</t>
  </si>
  <si>
    <t>Average occupancy rate for Car for M - C</t>
  </si>
  <si>
    <t>Average occupancy rate for Car for M - NC</t>
  </si>
  <si>
    <t>Average occupancy rate for Car for NM - C</t>
  </si>
  <si>
    <t>Average occupancy rate for Car for NM - NC</t>
  </si>
  <si>
    <t>Average occupancy rate for Bus for M - C</t>
  </si>
  <si>
    <t>Average occupancy rate for Bus  M - NC</t>
  </si>
  <si>
    <t>Average occupancy rate for Bus  NM - C</t>
  </si>
  <si>
    <t>Average occupancy rate for Bus  NM - NC</t>
  </si>
  <si>
    <t>Fuel price - H2</t>
  </si>
  <si>
    <t>Fuel price - NG and Biogas</t>
  </si>
  <si>
    <t>BEV Stock</t>
  </si>
  <si>
    <t>PHEV Stock</t>
  </si>
  <si>
    <t>FCEV Stock</t>
  </si>
  <si>
    <t>% of purchase price</t>
  </si>
  <si>
    <t>Avg total Insurance Maintenance costs</t>
  </si>
  <si>
    <t>% of disposable income</t>
  </si>
  <si>
    <t>Car stock and low carbon car penetration</t>
  </si>
  <si>
    <t>Demographic &amp; economic</t>
  </si>
  <si>
    <t>Human settlement, land development and spatial organization of human activities</t>
  </si>
  <si>
    <t>Socio-cultural practices and Lifestyles</t>
  </si>
  <si>
    <t>2W VKM Elec share</t>
  </si>
  <si>
    <t>2W VKM Liquid fuel share</t>
  </si>
  <si>
    <t>Bus VKM - Elec share</t>
  </si>
  <si>
    <t>Bus VKM - Liquid fuel share</t>
  </si>
  <si>
    <t>Rail PKM - Elec share</t>
  </si>
  <si>
    <t>Rail PKM - Liquid fuel share</t>
  </si>
  <si>
    <t>Air PKM - Liquid fuel share</t>
  </si>
  <si>
    <t>Renewable Share in electricity mix</t>
  </si>
  <si>
    <t>Nuclear Share in electricity mix</t>
  </si>
  <si>
    <t>Carbon intensity for electric asset: Renewables</t>
  </si>
  <si>
    <t>Carbon intensity for electric asset: Coal</t>
  </si>
  <si>
    <t>Carbon intensity for electric asset: Liquid fossil fuels</t>
  </si>
  <si>
    <t>Carbon intensity for electric asset: Gas</t>
  </si>
  <si>
    <t>Carbon intensity for electric asset: Nuclear</t>
  </si>
  <si>
    <t>Coal share in electricity mix</t>
  </si>
  <si>
    <t>Liquid fuel in electricity mix</t>
  </si>
  <si>
    <t>Gas in electricity mix</t>
  </si>
  <si>
    <t>% of electricity consumption</t>
  </si>
  <si>
    <t>Natural gas carbon content</t>
  </si>
  <si>
    <t>Biogas carbon content (Life Cycle)</t>
  </si>
  <si>
    <t>Hydrogen from renewable electrolysis carbon content</t>
  </si>
  <si>
    <t>Average liquid fossil fuel carbon content</t>
  </si>
  <si>
    <t>Liquid biofuels carbon content (Life Cycle)</t>
  </si>
  <si>
    <t>Liquid biofuel generation potential</t>
  </si>
  <si>
    <t>Gaseous biofuel generation potential</t>
  </si>
  <si>
    <t>Technological assumptions for the different vehicles</t>
  </si>
  <si>
    <t>Fuel generation and energy carbon content</t>
  </si>
  <si>
    <t>Renewable hydrogen generation potential</t>
  </si>
  <si>
    <t>Hydrogen generated from methane cracking</t>
  </si>
  <si>
    <t>Mileage life BEV</t>
  </si>
  <si>
    <t>Mileage life FCEV</t>
  </si>
  <si>
    <t>% of Mileage ICE</t>
  </si>
  <si>
    <t>Average lifetime of cars</t>
  </si>
  <si>
    <t>NM - Household income dedicated to Transport</t>
  </si>
  <si>
    <t>M - Household income dedicated to Transport</t>
  </si>
  <si>
    <t>Share of the teleworking population in Metropolitan areas</t>
  </si>
  <si>
    <t>Number of teleworking days per month in Metropolitan areas</t>
  </si>
  <si>
    <t>Share of the teleworking population in Non Metropolitan areas</t>
  </si>
  <si>
    <t>Number of teleworking days per month in Non Metropolitan areas</t>
  </si>
  <si>
    <t>2010 - Value</t>
  </si>
  <si>
    <t>Variable name</t>
  </si>
  <si>
    <t>Metropolitan - Income dedicated to transport, modal distribution and costs</t>
  </si>
  <si>
    <t>Non-Metropolitan - Income dedicated to transport, modal distribution and costs</t>
  </si>
  <si>
    <t>Metropolitan - Modal speeds</t>
  </si>
  <si>
    <t>Non-Metropolitan - Modal speeds</t>
  </si>
  <si>
    <t xml:space="preserve">Metropolitan Constrained (MC)- Total capita mobility </t>
  </si>
  <si>
    <t>Metropolitan Non Constrained (MNC) - Total capita mobility</t>
  </si>
  <si>
    <t>MC - Average cost of car-pkm</t>
  </si>
  <si>
    <t>MC - Average cost of 2/3W-pkm</t>
  </si>
  <si>
    <t>MC - Average cost of bus-pkm</t>
  </si>
  <si>
    <t>MC - Average cost of train-pkm</t>
  </si>
  <si>
    <t>MC - Average cost of air-domestic pkm</t>
  </si>
  <si>
    <t>MC - Average cost of air-international pkm</t>
  </si>
  <si>
    <t>MC -Average cost of NMT-pkm</t>
  </si>
  <si>
    <t>MNC - Average cost of car-pkm</t>
  </si>
  <si>
    <t>MNC - Average cost of 2/3W-pkm</t>
  </si>
  <si>
    <t>MNC - Average cost of bus-pkm</t>
  </si>
  <si>
    <t>MNC - Average cost of train-pkm</t>
  </si>
  <si>
    <t>MNC - Average cost of air-domestic pkm</t>
  </si>
  <si>
    <t>MNC - Average cost of air-international pkm</t>
  </si>
  <si>
    <t>MNC -Average cost of NMT-pkm</t>
  </si>
  <si>
    <t>MC 2W speed</t>
  </si>
  <si>
    <t>MC bus speed</t>
  </si>
  <si>
    <t>MC rail speed</t>
  </si>
  <si>
    <t>MC NMT speed</t>
  </si>
  <si>
    <t>MNC car speed</t>
  </si>
  <si>
    <t>MNC 2W speed</t>
  </si>
  <si>
    <t>MNC bus speed</t>
  </si>
  <si>
    <t>MNC rail speed</t>
  </si>
  <si>
    <t>MNC NMT speed</t>
  </si>
  <si>
    <t>MC Car speed</t>
  </si>
  <si>
    <t>Non Metrpolitan Constrained (NMC) - Total capita mobility</t>
  </si>
  <si>
    <t>Non Metrpolitan Non Constrained (NMNC) - Total capita mobility</t>
  </si>
  <si>
    <t>NMC - Average cost of car-pkm</t>
  </si>
  <si>
    <t>NMC - Average cost of 2/3W-pkm</t>
  </si>
  <si>
    <t>NMC - Average cost of bus-pkm</t>
  </si>
  <si>
    <t>NMC - Average cost of train-pkm</t>
  </si>
  <si>
    <t>NMC - Average cost of air-domestic pkm</t>
  </si>
  <si>
    <t>NMC - Average cost of air-international pkm</t>
  </si>
  <si>
    <t>NMC -Average cost of NMT-pkm</t>
  </si>
  <si>
    <t>NMNC - Average cost of car-pkm</t>
  </si>
  <si>
    <t>NMNC - Average cost of 2/3W-pkm</t>
  </si>
  <si>
    <t>NMNC - Average cost of bus-pkm</t>
  </si>
  <si>
    <t>NMNC - Average cost of train-pkm</t>
  </si>
  <si>
    <t>NMNC - Average cost of air-domestic pkm</t>
  </si>
  <si>
    <t>NMNC - Average cost of air-international pkm</t>
  </si>
  <si>
    <t>NMNC -Average cost of NMT-pkm</t>
  </si>
  <si>
    <t>NMC Car speed</t>
  </si>
  <si>
    <t>NMC 2W speed</t>
  </si>
  <si>
    <t>NMC bus speed</t>
  </si>
  <si>
    <t>NMC rail speed</t>
  </si>
  <si>
    <t>NMC NMT speed</t>
  </si>
  <si>
    <t>NMNC car speed</t>
  </si>
  <si>
    <t>NMNC 2W speed</t>
  </si>
  <si>
    <t>NMNC bus speed</t>
  </si>
  <si>
    <t>NMNC rail speed</t>
  </si>
  <si>
    <t>NMNC NMT speed</t>
  </si>
  <si>
    <r>
      <t xml:space="preserve">Household disposable income (netto) 
</t>
    </r>
    <r>
      <rPr>
        <i/>
        <sz val="11"/>
        <rFont val="Calibri"/>
        <family val="2"/>
        <scheme val="minor"/>
      </rPr>
      <t>* Definition: this represents the monetary revenues that househould can directly use (social state expenditures, taxes are not taken into account)</t>
    </r>
  </si>
  <si>
    <t>Growth Domestic Product (GDP)</t>
  </si>
  <si>
    <t>% of population</t>
  </si>
  <si>
    <r>
      <t>Capita mobility dedicated to constrained activities for people living in</t>
    </r>
    <r>
      <rPr>
        <u/>
        <sz val="11"/>
        <rFont val="Calibri"/>
        <family val="2"/>
        <scheme val="minor"/>
      </rPr>
      <t xml:space="preserve"> non-metropolitan</t>
    </r>
    <r>
      <rPr>
        <sz val="11"/>
        <rFont val="Calibri"/>
        <family val="2"/>
        <scheme val="minor"/>
      </rPr>
      <t xml:space="preserve"> areas (Assumption with teleworking effect)</t>
    </r>
  </si>
  <si>
    <r>
      <t xml:space="preserve">Capita mobility dedicated to constrained activities for people living in </t>
    </r>
    <r>
      <rPr>
        <u/>
        <sz val="11"/>
        <rFont val="Calibri"/>
        <family val="2"/>
        <scheme val="minor"/>
      </rPr>
      <t xml:space="preserve">metropolitan </t>
    </r>
    <r>
      <rPr>
        <sz val="11"/>
        <rFont val="Calibri"/>
        <family val="2"/>
        <scheme val="minor"/>
      </rPr>
      <t xml:space="preserve">areas (Assumption without teleworking effect)
</t>
    </r>
    <r>
      <rPr>
        <i/>
        <sz val="11"/>
        <rFont val="Calibri"/>
        <family val="2"/>
        <scheme val="minor"/>
      </rPr>
      <t xml:space="preserve">* Definition "constrained and non-constrained activities": constrained activities are related to daily life constraints (work, school, shopping, health, admin...) and probably mainly local distance. Non-constrained activities are related to leisure activities and probably some unusual long-distance travels. </t>
    </r>
  </si>
  <si>
    <t>Billion (Monetary Unit to be defined)</t>
  </si>
  <si>
    <t>kilo - (Monetary Unit to be defined)</t>
  </si>
  <si>
    <t>(Monetary Unit to be defined) / liter</t>
  </si>
  <si>
    <t>(Monetary Unit to be defined) / kg</t>
  </si>
  <si>
    <t>(Monetary Unit to be defined)  / kWh</t>
  </si>
  <si>
    <t>(Monetary Unit to be defined)  / kg</t>
  </si>
  <si>
    <t>(Monetary Unit to be defined) / pkm</t>
  </si>
  <si>
    <t>Purchase price of Battery Electric Vehicles (BEV)</t>
  </si>
  <si>
    <t>Purchase price of Fuel-Cell Electric Vehicles (FCEV)</t>
  </si>
  <si>
    <t>Car - Electric engine - energy consumption of new sales</t>
  </si>
  <si>
    <t>Car - H2 electric engine - energy consumption of new sales</t>
  </si>
  <si>
    <t xml:space="preserve">Mileage life PHEV </t>
  </si>
  <si>
    <t>2W - Thermal ICE - energy consumption</t>
  </si>
  <si>
    <t>2W - Electric - energy consumption</t>
  </si>
  <si>
    <t>Bus - Thermal ICE - energy consumption</t>
  </si>
  <si>
    <t>Bus - Electric - energy consumption</t>
  </si>
  <si>
    <t>Rail - Electric - energy consumption</t>
  </si>
  <si>
    <t>Rail - Thermal ICE - energy consumption</t>
  </si>
  <si>
    <t>Air Domestic - Thermal ICE - energy consumption</t>
  </si>
  <si>
    <t>Air International - Thermal ICE - energy consumption</t>
  </si>
  <si>
    <t>Fuel price - Liquid fossil and liquid biofuels</t>
  </si>
  <si>
    <t>Fuel price- electricity</t>
  </si>
  <si>
    <t>LF Stock</t>
  </si>
  <si>
    <t>Sales of LF</t>
  </si>
  <si>
    <t>Sales of BEV</t>
  </si>
  <si>
    <t>Sales of PHEV</t>
  </si>
  <si>
    <t>Sales of FCEV</t>
  </si>
  <si>
    <t>Mio vehicle / year</t>
  </si>
  <si>
    <t>Car - Thermal ICE - average energy consumption of stock</t>
  </si>
  <si>
    <t>Bus VKM - Gas share</t>
  </si>
  <si>
    <t>NM: for people living in Non-Metropolitan areas</t>
  </si>
  <si>
    <t>M: for people living in Metropolitan areas</t>
  </si>
  <si>
    <t>C : for Constrained activities (work, school, shopping, health, admin…)</t>
  </si>
  <si>
    <t>NC : for Non-Constrained activities (leisure)</t>
  </si>
  <si>
    <r>
      <t xml:space="preserve">Share of Metrop Population 
</t>
    </r>
    <r>
      <rPr>
        <i/>
        <sz val="11"/>
        <color rgb="FFFF0000"/>
        <rFont val="Calibri"/>
        <family val="2"/>
        <scheme val="minor"/>
      </rPr>
      <t>* Definition "metropolitan areas": depending on your country, please define which areas you want to integrate in metropolitan areas. This will be used after to set different assumptions depending on the location of people in order to integrate some differentiated spatial effects.</t>
    </r>
  </si>
  <si>
    <t>Car - Thermal Internal Combustion Engine (ICE) - energy consumption of new sales (LF and NG)</t>
  </si>
  <si>
    <t>Purchase price of ICE liquid fuel powered cars (LF)</t>
  </si>
  <si>
    <t>Purchase price of ICE natural gas powered cars (NG)</t>
  </si>
  <si>
    <t>Mileage life ICE Liquid &amp; Gas cars (LG &amp; NG)</t>
  </si>
  <si>
    <t>NG Stock</t>
  </si>
  <si>
    <t>Sales of NG</t>
  </si>
  <si>
    <t>MC - Car capita mobility</t>
  </si>
  <si>
    <t>MC - 2/3W capita mobility</t>
  </si>
  <si>
    <t>MC - Bus capita mobility</t>
  </si>
  <si>
    <t>MC - Rail capita mobility</t>
  </si>
  <si>
    <t>MC - Air - domestic capita mobility</t>
  </si>
  <si>
    <t>MC - Non-Motorized Transport (NMT) capita mobility</t>
  </si>
  <si>
    <t>MNC - Car capita mobility</t>
  </si>
  <si>
    <t>MNC - 2/3W capita mobility</t>
  </si>
  <si>
    <t>MNC - Bus capita mobility</t>
  </si>
  <si>
    <t>MNC - Rail capita mobility</t>
  </si>
  <si>
    <t>MNC - Air - domestic capita mobility</t>
  </si>
  <si>
    <t>MNC - Air - international capita mobility</t>
  </si>
  <si>
    <t>MNC - NMT capita mobility</t>
  </si>
  <si>
    <t>NMC - Car capita mobility</t>
  </si>
  <si>
    <t>NMC - 2/3W capita mobility</t>
  </si>
  <si>
    <t>NMC - Bus capita mobility</t>
  </si>
  <si>
    <t>NMC - Rail capita mobility</t>
  </si>
  <si>
    <t>NMC - Air - domestic capita mobility</t>
  </si>
  <si>
    <t>NMC - Air - international capita mobility</t>
  </si>
  <si>
    <t>NMC - NMT capita mobility</t>
  </si>
  <si>
    <t>NMNC - Car capita mobility</t>
  </si>
  <si>
    <t>NMNC - 2/3W capita mobility</t>
  </si>
  <si>
    <t>NMNC - Bus capita mobility</t>
  </si>
  <si>
    <t>NMNC - Rail capita mobility</t>
  </si>
  <si>
    <t>NMNC - Air - domestic capita mobility</t>
  </si>
  <si>
    <t>NMNC - Air - international capita mobility</t>
  </si>
  <si>
    <t>NMNC - NMT capita mobility</t>
  </si>
  <si>
    <t>Please inform here the perimeter of the metropolitan areas.
This will be used after to set different assumptions depending on the location of people in order to integrate some differentiated spatial effects.</t>
  </si>
  <si>
    <t>Please inform here the monetary unit relevant for your country.</t>
  </si>
  <si>
    <t>pkm / capita (cap) / year</t>
  </si>
  <si>
    <t>passenger (pass) / veh</t>
  </si>
  <si>
    <t>List of abbreviations used in the sheet "Calibration data":</t>
  </si>
  <si>
    <t>ICE : Internal Combustion Engine</t>
  </si>
  <si>
    <t>LF : Liquid fuels</t>
  </si>
  <si>
    <t>NG : Natural gas (CH4)</t>
  </si>
  <si>
    <t>BEV : Battery Electric Vehicle (full electric cars)</t>
  </si>
  <si>
    <t>Purchase price of Plug-in Hybrid Electric Vehicles (PHEV)</t>
  </si>
  <si>
    <t>PHEV : Plug-in Hybrid Electric Vehicle (Dual engine: rechargeable electric motors and ICE)</t>
  </si>
  <si>
    <t>FCEV : Fuel-Cell Electric Vehicle (Electric engine powered by hydrogen-based electricity)</t>
  </si>
  <si>
    <t>Capita mobility : number of kilometers travelled by one person each year</t>
  </si>
  <si>
    <t>MC - Car capita mobility: number of kilometers travelled by one person each year, living in metropolitan areas, for constrained activities, using a car.</t>
  </si>
  <si>
    <t>WELCOME TO THE COMMUNITY !</t>
  </si>
  <si>
    <t>DEFINITIONS</t>
  </si>
  <si>
    <t>THANK YOU !</t>
  </si>
  <si>
    <t>D3) International air transport</t>
  </si>
  <si>
    <t>D2) Metropolitan and non-metropolitan areas</t>
  </si>
  <si>
    <t>D1) Monetary unit</t>
  </si>
  <si>
    <t>Please inform here how you would like to integrate the international air emissions. Different methods exist: See "Scope of carbon budgets, Statutory advice on inclusion of international aviation and shipping", Commitee for Climate Change - UK, April 2012.</t>
  </si>
  <si>
    <r>
      <t xml:space="preserve">MC - Air - international capita mobility </t>
    </r>
    <r>
      <rPr>
        <sz val="11"/>
        <color rgb="FFFF0000"/>
        <rFont val="Calibri"/>
        <family val="2"/>
        <scheme val="minor"/>
      </rPr>
      <t>(perimeter to define)</t>
    </r>
  </si>
  <si>
    <t xml:space="preserve">To help expanding the country coverage of the analysis, you can provide datas needed for calibration of a pathway for a new country. To this aim, please: </t>
  </si>
  <si>
    <r>
      <rPr>
        <sz val="7"/>
        <color theme="1"/>
        <rFont val="Times New Roman"/>
        <family val="1"/>
      </rPr>
      <t xml:space="preserve">- </t>
    </r>
    <r>
      <rPr>
        <sz val="11"/>
        <color theme="1"/>
        <rFont val="Calibri"/>
        <family val="2"/>
        <scheme val="minor"/>
      </rPr>
      <t xml:space="preserve">fill the calibration data listed in the sheet "Calibration Data" </t>
    </r>
  </si>
  <si>
    <t>- define the three following elements of information (See below).</t>
  </si>
  <si>
    <t>Do not hesitate to contact us if you have any questions during the gathering of data.</t>
  </si>
  <si>
    <r>
      <t xml:space="preserve">- submit the complete spreadsheet to : </t>
    </r>
    <r>
      <rPr>
        <u/>
        <sz val="11"/>
        <color theme="1"/>
        <rFont val="Calibri"/>
        <family val="2"/>
        <scheme val="minor"/>
      </rPr>
      <t xml:space="preserve">yann.briand@iddri.org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43" formatCode="_-* #,##0.00\ _€_-;\-* #,##0.00\ _€_-;_-* &quot;-&quot;??\ _€_-;_-@_-"/>
    <numFmt numFmtId="164" formatCode="_-* #,##0.00_-;\-* #,##0.00_-;_-* &quot;-&quot;??_-;_-@_-"/>
    <numFmt numFmtId="165" formatCode="#,##0.00&quot; &quot;[$€-40C];[Red]&quot;-&quot;#,##0.00&quot; &quot;[$€-40C]"/>
    <numFmt numFmtId="166" formatCode="0.0"/>
    <numFmt numFmtId="167" formatCode="_-* #,##0\ _€_-;\-* #,##0\ _€_-;_-* &quot;-&quot;??\ _€_-;_-@_-"/>
    <numFmt numFmtId="168" formatCode="0.000"/>
    <numFmt numFmtId="169" formatCode="0.0%"/>
    <numFmt numFmtId="170" formatCode="[&gt;0.5]#,##0;[&lt;-0.5]\-#,##0;\-"/>
    <numFmt numFmtId="171" formatCode="_-* #,##0.00\ _€_-;\-* #,##0.00\ _€_-;_-* \-??\ _€_-;_-@_-"/>
    <numFmt numFmtId="172" formatCode="0.0000"/>
    <numFmt numFmtId="173" formatCode="0.000000"/>
  </numFmts>
  <fonts count="31">
    <font>
      <sz val="11"/>
      <color theme="1"/>
      <name val="Calibri"/>
      <family val="2"/>
      <scheme val="minor"/>
    </font>
    <font>
      <b/>
      <sz val="11"/>
      <color theme="1"/>
      <name val="Calibri"/>
      <family val="2"/>
      <scheme val="minor"/>
    </font>
    <font>
      <sz val="11"/>
      <color theme="1"/>
      <name val="Liberation Sans"/>
    </font>
    <font>
      <sz val="11"/>
      <name val="Calibri"/>
      <family val="2"/>
      <scheme val="minor"/>
    </font>
    <font>
      <sz val="11"/>
      <color theme="1"/>
      <name val="Calibri"/>
      <family val="2"/>
      <scheme val="minor"/>
    </font>
    <font>
      <sz val="12"/>
      <name val="宋体"/>
    </font>
    <font>
      <sz val="12"/>
      <color theme="1"/>
      <name val="Calibri"/>
      <family val="2"/>
      <scheme val="minor"/>
    </font>
    <font>
      <sz val="12"/>
      <name val="宋体"/>
      <charset val="134"/>
    </font>
    <font>
      <b/>
      <i/>
      <sz val="16"/>
      <color theme="1"/>
      <name val="Liberation Sans"/>
    </font>
    <font>
      <b/>
      <i/>
      <u/>
      <sz val="11"/>
      <color theme="1"/>
      <name val="Liberation Sans"/>
    </font>
    <font>
      <sz val="11"/>
      <color rgb="FFFF0000"/>
      <name val="Calibri"/>
      <family val="2"/>
      <scheme val="minor"/>
    </font>
    <font>
      <b/>
      <sz val="11"/>
      <color theme="0"/>
      <name val="Calibri"/>
      <family val="2"/>
      <scheme val="minor"/>
    </font>
    <font>
      <b/>
      <sz val="11"/>
      <name val="Calibri"/>
      <family val="2"/>
      <scheme val="minor"/>
    </font>
    <font>
      <sz val="10"/>
      <name val="Arial"/>
      <family val="2"/>
    </font>
    <font>
      <u/>
      <sz val="10"/>
      <color indexed="12"/>
      <name val="MS Sans Serif"/>
      <family val="2"/>
    </font>
    <font>
      <sz val="11"/>
      <color rgb="FF000000"/>
      <name val="Calibri"/>
      <family val="2"/>
      <charset val="1"/>
    </font>
    <font>
      <sz val="10"/>
      <name val="Arial"/>
      <family val="2"/>
    </font>
    <font>
      <sz val="10"/>
      <name val="Times New Roman"/>
      <family val="1"/>
    </font>
    <font>
      <u/>
      <sz val="10"/>
      <color indexed="12"/>
      <name val="Arial"/>
      <family val="2"/>
    </font>
    <font>
      <sz val="14"/>
      <name val="Arial"/>
      <family val="2"/>
    </font>
    <font>
      <sz val="10"/>
      <name val="Arial"/>
      <family val="2"/>
    </font>
    <font>
      <i/>
      <sz val="11"/>
      <name val="Calibri"/>
      <family val="2"/>
      <scheme val="minor"/>
    </font>
    <font>
      <sz val="11"/>
      <color theme="0"/>
      <name val="Calibri"/>
      <family val="2"/>
      <scheme val="minor"/>
    </font>
    <font>
      <u/>
      <sz val="11"/>
      <name val="Calibri"/>
      <family val="2"/>
      <scheme val="minor"/>
    </font>
    <font>
      <b/>
      <u/>
      <sz val="11"/>
      <name val="Calibri"/>
      <family val="2"/>
      <scheme val="minor"/>
    </font>
    <font>
      <i/>
      <sz val="11"/>
      <color rgb="FFFF0000"/>
      <name val="Calibri"/>
      <family val="2"/>
      <scheme val="minor"/>
    </font>
    <font>
      <i/>
      <sz val="11"/>
      <color theme="1"/>
      <name val="Calibri"/>
      <family val="2"/>
      <scheme val="minor"/>
    </font>
    <font>
      <b/>
      <u/>
      <sz val="11"/>
      <color theme="1"/>
      <name val="Calibri"/>
      <family val="2"/>
      <scheme val="minor"/>
    </font>
    <font>
      <sz val="11"/>
      <color theme="1"/>
      <name val="Symbol"/>
      <family val="1"/>
      <charset val="2"/>
    </font>
    <font>
      <sz val="7"/>
      <color theme="1"/>
      <name val="Times New Roman"/>
      <family val="1"/>
    </font>
    <font>
      <u/>
      <sz val="11"/>
      <color theme="1"/>
      <name val="Calibri"/>
      <family val="2"/>
      <scheme val="minor"/>
    </font>
  </fonts>
  <fills count="8">
    <fill>
      <patternFill patternType="none"/>
    </fill>
    <fill>
      <patternFill patternType="gray125"/>
    </fill>
    <fill>
      <patternFill patternType="solid">
        <fgColor rgb="FFFFC000"/>
        <bgColor indexed="64"/>
      </patternFill>
    </fill>
    <fill>
      <patternFill patternType="solid">
        <fgColor theme="3" tint="0.79998168889431442"/>
        <bgColor indexed="64"/>
      </patternFill>
    </fill>
    <fill>
      <patternFill patternType="solid">
        <fgColor rgb="FF92D050"/>
        <bgColor indexed="64"/>
      </patternFill>
    </fill>
    <fill>
      <patternFill patternType="solid">
        <fgColor theme="1"/>
        <bgColor indexed="64"/>
      </patternFill>
    </fill>
    <fill>
      <patternFill patternType="solid">
        <fgColor rgb="FFFFD653"/>
        <bgColor indexed="64"/>
      </patternFill>
    </fill>
    <fill>
      <patternFill patternType="solid">
        <fgColor theme="0"/>
        <bgColor indexed="64"/>
      </patternFill>
    </fill>
  </fills>
  <borders count="8">
    <border>
      <left/>
      <right/>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bottom style="medium">
        <color indexed="64"/>
      </bottom>
      <diagonal/>
    </border>
  </borders>
  <cellStyleXfs count="43">
    <xf numFmtId="0" fontId="0" fillId="0" borderId="0"/>
    <xf numFmtId="0" fontId="4" fillId="0" borderId="0"/>
    <xf numFmtId="9" fontId="4" fillId="0" borderId="0" applyFont="0" applyFill="0" applyBorder="0" applyAlignment="0" applyProtection="0"/>
    <xf numFmtId="0" fontId="5" fillId="0" borderId="0">
      <alignment vertical="center"/>
    </xf>
    <xf numFmtId="0" fontId="5" fillId="0" borderId="0">
      <alignment vertical="center"/>
    </xf>
    <xf numFmtId="0" fontId="6" fillId="0" borderId="0"/>
    <xf numFmtId="9" fontId="6" fillId="0" borderId="0" applyFont="0" applyFill="0" applyBorder="0" applyAlignment="0" applyProtection="0"/>
    <xf numFmtId="0" fontId="4" fillId="0" borderId="0"/>
    <xf numFmtId="0" fontId="6" fillId="0" borderId="0"/>
    <xf numFmtId="38" fontId="4" fillId="0" borderId="0" applyFont="0" applyFill="0" applyBorder="0" applyAlignment="0" applyProtection="0">
      <alignment vertical="center"/>
    </xf>
    <xf numFmtId="0" fontId="7" fillId="0" borderId="0">
      <alignment vertical="center"/>
    </xf>
    <xf numFmtId="0" fontId="2" fillId="0" borderId="0"/>
    <xf numFmtId="0" fontId="8" fillId="0" borderId="0">
      <alignment horizontal="center"/>
    </xf>
    <xf numFmtId="0" fontId="8" fillId="0" borderId="0">
      <alignment horizontal="center" textRotation="90"/>
    </xf>
    <xf numFmtId="0" fontId="9" fillId="0" borderId="0"/>
    <xf numFmtId="165" fontId="9" fillId="0" borderId="0"/>
    <xf numFmtId="43" fontId="4" fillId="0" borderId="0" applyFont="0" applyFill="0" applyBorder="0" applyAlignment="0" applyProtection="0"/>
    <xf numFmtId="9" fontId="4" fillId="0" borderId="0" applyFont="0" applyFill="0" applyBorder="0" applyAlignment="0" applyProtection="0"/>
    <xf numFmtId="0" fontId="13" fillId="0" borderId="0"/>
    <xf numFmtId="0" fontId="14" fillId="0" borderId="0" applyNumberFormat="0" applyFill="0" applyBorder="0" applyAlignment="0" applyProtection="0"/>
    <xf numFmtId="0" fontId="15" fillId="0" borderId="0"/>
    <xf numFmtId="164" fontId="16" fillId="0" borderId="0" applyFont="0" applyFill="0" applyBorder="0" applyAlignment="0" applyProtection="0"/>
    <xf numFmtId="2" fontId="4" fillId="3" borderId="0"/>
    <xf numFmtId="0" fontId="18" fillId="0" borderId="0" applyNumberFormat="0" applyFill="0" applyBorder="0" applyAlignment="0" applyProtection="0">
      <alignment vertical="top"/>
      <protection locked="0"/>
    </xf>
    <xf numFmtId="170" fontId="17" fillId="0" borderId="0" applyFill="0" applyBorder="0" applyAlignment="0" applyProtection="0"/>
    <xf numFmtId="9" fontId="15" fillId="0" borderId="0" applyBorder="0" applyProtection="0"/>
    <xf numFmtId="0" fontId="16" fillId="0" borderId="0"/>
    <xf numFmtId="170" fontId="19" fillId="0" borderId="0">
      <alignment horizontal="left" vertical="center"/>
    </xf>
    <xf numFmtId="171" fontId="15" fillId="0" borderId="0" applyBorder="0" applyProtection="0"/>
    <xf numFmtId="171" fontId="15" fillId="0" borderId="0" applyBorder="0" applyProtection="0"/>
    <xf numFmtId="0" fontId="15" fillId="0" borderId="0"/>
    <xf numFmtId="171" fontId="15" fillId="0" borderId="0" applyBorder="0" applyProtection="0"/>
    <xf numFmtId="171" fontId="15" fillId="0" borderId="0" applyBorder="0" applyProtection="0"/>
    <xf numFmtId="171" fontId="15" fillId="0" borderId="0" applyBorder="0" applyProtection="0"/>
    <xf numFmtId="171" fontId="15" fillId="0" borderId="0" applyBorder="0" applyProtection="0"/>
    <xf numFmtId="171" fontId="15" fillId="0" borderId="0" applyBorder="0" applyProtection="0"/>
    <xf numFmtId="171" fontId="15" fillId="0" borderId="0" applyBorder="0" applyProtection="0"/>
    <xf numFmtId="171" fontId="15" fillId="0" borderId="0" applyBorder="0" applyProtection="0"/>
    <xf numFmtId="171" fontId="15" fillId="0" borderId="0" applyBorder="0" applyProtection="0"/>
    <xf numFmtId="0" fontId="20" fillId="0" borderId="0"/>
    <xf numFmtId="164" fontId="13" fillId="0" borderId="0" applyFont="0" applyFill="0" applyBorder="0" applyAlignment="0" applyProtection="0"/>
    <xf numFmtId="0" fontId="13" fillId="0" borderId="0"/>
    <xf numFmtId="0" fontId="13" fillId="0" borderId="0"/>
  </cellStyleXfs>
  <cellXfs count="80">
    <xf numFmtId="0" fontId="0" fillId="0" borderId="0" xfId="0"/>
    <xf numFmtId="0" fontId="3" fillId="0" borderId="0" xfId="0" applyFont="1"/>
    <xf numFmtId="0" fontId="3" fillId="0" borderId="0" xfId="0" applyFont="1" applyFill="1"/>
    <xf numFmtId="0" fontId="3" fillId="0" borderId="2" xfId="0" applyFont="1" applyFill="1" applyBorder="1" applyAlignment="1">
      <alignment wrapText="1"/>
    </xf>
    <xf numFmtId="0" fontId="3" fillId="0" borderId="1" xfId="0" applyFont="1" applyBorder="1" applyAlignment="1">
      <alignment horizontal="left" vertical="top" wrapText="1"/>
    </xf>
    <xf numFmtId="0" fontId="3" fillId="0" borderId="1" xfId="0" applyFont="1" applyFill="1" applyBorder="1" applyAlignment="1">
      <alignment horizontal="left" vertical="top" wrapText="1"/>
    </xf>
    <xf numFmtId="172" fontId="3" fillId="0" borderId="0" xfId="0" applyNumberFormat="1" applyFont="1" applyAlignment="1">
      <alignment wrapText="1"/>
    </xf>
    <xf numFmtId="0" fontId="3" fillId="0" borderId="0" xfId="0" applyFont="1" applyBorder="1" applyAlignment="1">
      <alignment wrapText="1"/>
    </xf>
    <xf numFmtId="9" fontId="3" fillId="0" borderId="0" xfId="17" applyFont="1"/>
    <xf numFmtId="168" fontId="3" fillId="0" borderId="0" xfId="0" applyNumberFormat="1" applyFont="1" applyFill="1"/>
    <xf numFmtId="0" fontId="3" fillId="0" borderId="0" xfId="0" quotePrefix="1" applyFont="1"/>
    <xf numFmtId="168" fontId="3" fillId="0" borderId="0" xfId="0" applyNumberFormat="1" applyFont="1" applyAlignment="1">
      <alignment horizontal="left" vertical="top" wrapText="1"/>
    </xf>
    <xf numFmtId="0" fontId="3" fillId="0" borderId="2" xfId="11" applyFont="1" applyBorder="1" applyAlignment="1">
      <alignment wrapText="1"/>
    </xf>
    <xf numFmtId="166" fontId="3" fillId="0" borderId="3" xfId="17" applyNumberFormat="1" applyFont="1" applyFill="1" applyBorder="1" applyAlignment="1" applyProtection="1"/>
    <xf numFmtId="168" fontId="3" fillId="0" borderId="3" xfId="11" applyNumberFormat="1" applyFont="1" applyFill="1" applyBorder="1"/>
    <xf numFmtId="0" fontId="21" fillId="5" borderId="2" xfId="0" applyFont="1" applyFill="1" applyBorder="1" applyAlignment="1">
      <alignment horizontal="left" vertical="top" wrapText="1"/>
    </xf>
    <xf numFmtId="0" fontId="3" fillId="2" borderId="2" xfId="0" applyFont="1" applyFill="1" applyBorder="1" applyAlignment="1">
      <alignment horizontal="left" vertical="top" wrapText="1"/>
    </xf>
    <xf numFmtId="0" fontId="3" fillId="6" borderId="2" xfId="11" applyFont="1" applyFill="1" applyBorder="1" applyAlignment="1">
      <alignment wrapText="1"/>
    </xf>
    <xf numFmtId="0" fontId="3" fillId="0" borderId="2" xfId="11" applyFont="1" applyFill="1" applyBorder="1" applyAlignment="1">
      <alignment wrapText="1"/>
    </xf>
    <xf numFmtId="0" fontId="3" fillId="5" borderId="2" xfId="11" applyFont="1" applyFill="1" applyBorder="1" applyAlignment="1">
      <alignment wrapText="1"/>
    </xf>
    <xf numFmtId="0" fontId="3" fillId="0" borderId="0" xfId="0" applyFont="1" applyAlignment="1">
      <alignment wrapText="1"/>
    </xf>
    <xf numFmtId="0" fontId="24" fillId="0" borderId="0" xfId="0" applyFont="1"/>
    <xf numFmtId="0" fontId="10" fillId="0" borderId="2" xfId="11" applyFont="1" applyBorder="1" applyAlignment="1">
      <alignment wrapText="1"/>
    </xf>
    <xf numFmtId="0" fontId="10" fillId="0" borderId="2" xfId="0" applyFont="1" applyFill="1" applyBorder="1" applyAlignment="1">
      <alignment wrapText="1"/>
    </xf>
    <xf numFmtId="0" fontId="10" fillId="0" borderId="2" xfId="0" applyFont="1" applyBorder="1" applyAlignment="1">
      <alignment wrapText="1"/>
    </xf>
    <xf numFmtId="0" fontId="10" fillId="0" borderId="2" xfId="0" applyFont="1" applyBorder="1" applyAlignment="1">
      <alignment horizontal="left" vertical="top" wrapText="1"/>
    </xf>
    <xf numFmtId="0" fontId="11" fillId="4" borderId="4" xfId="0" applyFont="1" applyFill="1" applyBorder="1" applyAlignment="1">
      <alignment wrapText="1"/>
    </xf>
    <xf numFmtId="0" fontId="11" fillId="4" borderId="5" xfId="0" applyFont="1" applyFill="1" applyBorder="1" applyAlignment="1">
      <alignment wrapText="1"/>
    </xf>
    <xf numFmtId="0" fontId="3" fillId="0" borderId="2" xfId="0" applyFont="1" applyBorder="1" applyAlignment="1">
      <alignment horizontal="left" vertical="top" wrapText="1"/>
    </xf>
    <xf numFmtId="0" fontId="11" fillId="5" borderId="2" xfId="0" applyFont="1" applyFill="1" applyBorder="1" applyAlignment="1">
      <alignment wrapText="1"/>
    </xf>
    <xf numFmtId="0" fontId="12" fillId="2" borderId="2" xfId="0" applyFont="1" applyFill="1" applyBorder="1" applyAlignment="1">
      <alignment horizontal="left" vertical="top" wrapText="1"/>
    </xf>
    <xf numFmtId="167" fontId="3" fillId="0" borderId="2" xfId="16" applyNumberFormat="1" applyFont="1" applyFill="1" applyBorder="1" applyAlignment="1">
      <alignment horizontal="right" wrapText="1"/>
    </xf>
    <xf numFmtId="166" fontId="3" fillId="0" borderId="2" xfId="11" applyNumberFormat="1" applyFont="1" applyFill="1" applyBorder="1" applyAlignment="1">
      <alignment wrapText="1"/>
    </xf>
    <xf numFmtId="1" fontId="3" fillId="0" borderId="2" xfId="16" applyNumberFormat="1" applyFont="1" applyFill="1" applyBorder="1" applyAlignment="1">
      <alignment wrapText="1"/>
    </xf>
    <xf numFmtId="1" fontId="3" fillId="0" borderId="2" xfId="11" applyNumberFormat="1" applyFont="1" applyFill="1" applyBorder="1" applyAlignment="1">
      <alignment wrapText="1"/>
    </xf>
    <xf numFmtId="2" fontId="3" fillId="0" borderId="2" xfId="17" applyNumberFormat="1" applyFont="1" applyBorder="1" applyAlignment="1">
      <alignment wrapText="1"/>
    </xf>
    <xf numFmtId="9" fontId="3" fillId="0" borderId="2" xfId="17" applyFont="1" applyFill="1" applyBorder="1" applyAlignment="1">
      <alignment wrapText="1"/>
    </xf>
    <xf numFmtId="2" fontId="3" fillId="0" borderId="2" xfId="11" applyNumberFormat="1" applyFont="1" applyFill="1" applyBorder="1" applyAlignment="1">
      <alignment wrapText="1"/>
    </xf>
    <xf numFmtId="2" fontId="3" fillId="0" borderId="2" xfId="16" applyNumberFormat="1" applyFont="1" applyFill="1" applyBorder="1" applyAlignment="1">
      <alignment wrapText="1"/>
    </xf>
    <xf numFmtId="2" fontId="3" fillId="0" borderId="2" xfId="37" applyNumberFormat="1" applyFont="1" applyFill="1" applyBorder="1" applyAlignment="1" applyProtection="1">
      <alignment wrapText="1"/>
    </xf>
    <xf numFmtId="166" fontId="3" fillId="0" borderId="2" xfId="0" applyNumberFormat="1" applyFont="1" applyFill="1" applyBorder="1" applyAlignment="1">
      <alignment wrapText="1"/>
    </xf>
    <xf numFmtId="1" fontId="3" fillId="0" borderId="2" xfId="0" applyNumberFormat="1" applyFont="1" applyFill="1" applyBorder="1" applyAlignment="1">
      <alignment wrapText="1"/>
    </xf>
    <xf numFmtId="2" fontId="3" fillId="0" borderId="2" xfId="0" applyNumberFormat="1" applyFont="1" applyFill="1" applyBorder="1" applyAlignment="1">
      <alignment wrapText="1"/>
    </xf>
    <xf numFmtId="9" fontId="3" fillId="0" borderId="2" xfId="11" applyNumberFormat="1" applyFont="1" applyFill="1" applyBorder="1" applyAlignment="1">
      <alignment wrapText="1"/>
    </xf>
    <xf numFmtId="0" fontId="3" fillId="0" borderId="2" xfId="0" applyFont="1" applyBorder="1" applyAlignment="1">
      <alignment wrapText="1"/>
    </xf>
    <xf numFmtId="9" fontId="3" fillId="5" borderId="2" xfId="17" applyFont="1" applyFill="1" applyBorder="1" applyAlignment="1">
      <alignment wrapText="1"/>
    </xf>
    <xf numFmtId="166" fontId="3" fillId="0" borderId="2" xfId="16" applyNumberFormat="1" applyFont="1" applyFill="1" applyBorder="1" applyAlignment="1">
      <alignment wrapText="1"/>
    </xf>
    <xf numFmtId="166" fontId="3" fillId="0" borderId="2" xfId="17" applyNumberFormat="1" applyFont="1" applyFill="1" applyBorder="1" applyAlignment="1" applyProtection="1">
      <alignment wrapText="1"/>
    </xf>
    <xf numFmtId="166" fontId="3" fillId="0" borderId="2" xfId="17" applyNumberFormat="1" applyFont="1" applyFill="1" applyBorder="1" applyAlignment="1">
      <alignment wrapText="1"/>
    </xf>
    <xf numFmtId="0" fontId="3" fillId="0" borderId="2" xfId="17" applyNumberFormat="1" applyFont="1" applyFill="1" applyBorder="1" applyAlignment="1">
      <alignment wrapText="1"/>
    </xf>
    <xf numFmtId="166" fontId="21" fillId="0" borderId="2" xfId="16" applyNumberFormat="1" applyFont="1" applyFill="1" applyBorder="1" applyAlignment="1">
      <alignment wrapText="1"/>
    </xf>
    <xf numFmtId="173" fontId="21" fillId="0" borderId="2" xfId="0" applyNumberFormat="1" applyFont="1" applyBorder="1" applyAlignment="1">
      <alignment wrapText="1"/>
    </xf>
    <xf numFmtId="0" fontId="21" fillId="0" borderId="2" xfId="11" applyFont="1" applyFill="1" applyBorder="1" applyAlignment="1">
      <alignment wrapText="1"/>
    </xf>
    <xf numFmtId="9" fontId="21" fillId="0" borderId="2" xfId="0" applyNumberFormat="1" applyFont="1" applyFill="1" applyBorder="1" applyAlignment="1">
      <alignment wrapText="1"/>
    </xf>
    <xf numFmtId="9" fontId="21" fillId="0" borderId="2" xfId="17" applyFont="1" applyFill="1" applyBorder="1" applyAlignment="1">
      <alignment wrapText="1"/>
    </xf>
    <xf numFmtId="9" fontId="21" fillId="0" borderId="2" xfId="11" applyNumberFormat="1" applyFont="1" applyFill="1" applyBorder="1" applyAlignment="1">
      <alignment wrapText="1"/>
    </xf>
    <xf numFmtId="0" fontId="3" fillId="0" borderId="2" xfId="11" applyNumberFormat="1" applyFont="1" applyFill="1" applyBorder="1" applyAlignment="1">
      <alignment wrapText="1"/>
    </xf>
    <xf numFmtId="169" fontId="3" fillId="0" borderId="2" xfId="11" applyNumberFormat="1" applyFont="1" applyFill="1" applyBorder="1" applyAlignment="1">
      <alignment wrapText="1"/>
    </xf>
    <xf numFmtId="169" fontId="3" fillId="0" borderId="2" xfId="17" applyNumberFormat="1" applyFont="1" applyFill="1" applyBorder="1" applyAlignment="1">
      <alignment wrapText="1"/>
    </xf>
    <xf numFmtId="1" fontId="3" fillId="0" borderId="2" xfId="17" applyNumberFormat="1" applyFont="1" applyBorder="1" applyAlignment="1">
      <alignment wrapText="1"/>
    </xf>
    <xf numFmtId="2" fontId="3" fillId="0" borderId="2" xfId="0" applyNumberFormat="1" applyFont="1" applyBorder="1" applyAlignment="1">
      <alignment wrapText="1"/>
    </xf>
    <xf numFmtId="9" fontId="3" fillId="0" borderId="2" xfId="0" applyNumberFormat="1" applyFont="1" applyBorder="1" applyAlignment="1">
      <alignment wrapText="1"/>
    </xf>
    <xf numFmtId="0" fontId="0" fillId="7" borderId="0" xfId="0" applyFill="1"/>
    <xf numFmtId="0" fontId="0" fillId="7" borderId="0" xfId="0" applyFill="1" applyAlignment="1">
      <alignment wrapText="1"/>
    </xf>
    <xf numFmtId="0" fontId="0" fillId="7" borderId="5" xfId="0" applyFill="1" applyBorder="1" applyAlignment="1">
      <alignment wrapText="1"/>
    </xf>
    <xf numFmtId="0" fontId="1" fillId="7" borderId="5" xfId="0" applyFont="1" applyFill="1" applyBorder="1" applyAlignment="1">
      <alignment horizontal="center" wrapText="1"/>
    </xf>
    <xf numFmtId="0" fontId="24" fillId="7" borderId="5" xfId="0" applyFont="1" applyFill="1" applyBorder="1" applyAlignment="1">
      <alignment wrapText="1"/>
    </xf>
    <xf numFmtId="0" fontId="21" fillId="7" borderId="6" xfId="0" applyFont="1" applyFill="1" applyBorder="1" applyAlignment="1">
      <alignment wrapText="1"/>
    </xf>
    <xf numFmtId="0" fontId="27" fillId="7" borderId="5" xfId="0" applyFont="1" applyFill="1" applyBorder="1" applyAlignment="1">
      <alignment wrapText="1"/>
    </xf>
    <xf numFmtId="0" fontId="26" fillId="7" borderId="5" xfId="0" applyFont="1" applyFill="1" applyBorder="1" applyAlignment="1">
      <alignment wrapText="1"/>
    </xf>
    <xf numFmtId="0" fontId="0" fillId="7" borderId="7" xfId="0" applyFill="1" applyBorder="1"/>
    <xf numFmtId="0" fontId="3" fillId="0" borderId="2" xfId="0" applyFont="1" applyFill="1" applyBorder="1" applyAlignment="1">
      <alignment horizontal="left" vertical="top" wrapText="1"/>
    </xf>
    <xf numFmtId="0" fontId="22" fillId="5" borderId="2" xfId="0" applyFont="1" applyFill="1" applyBorder="1" applyAlignment="1">
      <alignment horizontal="left" wrapText="1"/>
    </xf>
    <xf numFmtId="0" fontId="3" fillId="0" borderId="2" xfId="0" applyFont="1" applyBorder="1" applyAlignment="1">
      <alignment horizontal="left" vertical="top" wrapText="1"/>
    </xf>
    <xf numFmtId="0" fontId="28" fillId="7" borderId="5" xfId="0" quotePrefix="1" applyFont="1" applyFill="1" applyBorder="1" applyAlignment="1">
      <alignment horizontal="center" vertical="center" wrapText="1"/>
    </xf>
    <xf numFmtId="0" fontId="0" fillId="7" borderId="5" xfId="0" quotePrefix="1" applyFont="1" applyFill="1" applyBorder="1" applyAlignment="1">
      <alignment horizontal="center" vertical="center" wrapText="1"/>
    </xf>
    <xf numFmtId="0" fontId="0" fillId="7" borderId="5" xfId="0" quotePrefix="1" applyFill="1" applyBorder="1" applyAlignment="1">
      <alignment horizontal="center"/>
    </xf>
    <xf numFmtId="0" fontId="0" fillId="7" borderId="5" xfId="0" applyFill="1" applyBorder="1" applyAlignment="1">
      <alignment horizontal="left" vertical="center" wrapText="1"/>
    </xf>
    <xf numFmtId="0" fontId="0" fillId="0" borderId="5" xfId="0" applyBorder="1" applyAlignment="1">
      <alignment vertical="center" wrapText="1"/>
    </xf>
    <xf numFmtId="0" fontId="1" fillId="7" borderId="5" xfId="0" applyFont="1" applyFill="1" applyBorder="1" applyAlignment="1">
      <alignment vertical="center" wrapText="1"/>
    </xf>
  </cellXfs>
  <cellStyles count="43">
    <cellStyle name="Comma 2" xfId="21"/>
    <cellStyle name="Comma 2 2" xfId="40"/>
    <cellStyle name="Data" xfId="22"/>
    <cellStyle name="Heading" xfId="12"/>
    <cellStyle name="Heading 2" xfId="27"/>
    <cellStyle name="Heading1" xfId="13"/>
    <cellStyle name="Hyperlink 2" xfId="23"/>
    <cellStyle name="Lien hypertexte 2" xfId="19"/>
    <cellStyle name="Milliers" xfId="16" builtinId="3"/>
    <cellStyle name="Milliers [0] 2" xfId="9"/>
    <cellStyle name="Milliers 10" xfId="37"/>
    <cellStyle name="Milliers 11" xfId="38"/>
    <cellStyle name="Milliers 2" xfId="28"/>
    <cellStyle name="Milliers 3" xfId="29"/>
    <cellStyle name="Milliers 4" xfId="32"/>
    <cellStyle name="Milliers 5" xfId="33"/>
    <cellStyle name="Milliers 6" xfId="31"/>
    <cellStyle name="Milliers 7" xfId="34"/>
    <cellStyle name="Milliers 8" xfId="35"/>
    <cellStyle name="Milliers 9" xfId="36"/>
    <cellStyle name="Normal" xfId="0" builtinId="0"/>
    <cellStyle name="Normal 2" xfId="3"/>
    <cellStyle name="Normal 2 2" xfId="5"/>
    <cellStyle name="Normal 2 3" xfId="10"/>
    <cellStyle name="Normal 2 4" xfId="26"/>
    <cellStyle name="Normal 2 4 2" xfId="41"/>
    <cellStyle name="Normal 3" xfId="8"/>
    <cellStyle name="Normal 4" xfId="11"/>
    <cellStyle name="Normal 5" xfId="18"/>
    <cellStyle name="Normal 5 2" xfId="39"/>
    <cellStyle name="Normal 5 2 2" xfId="42"/>
    <cellStyle name="Normal 6" xfId="20"/>
    <cellStyle name="Normal 9" xfId="7"/>
    <cellStyle name="Pourcentage" xfId="17" builtinId="5"/>
    <cellStyle name="Pourcentage 2" xfId="6"/>
    <cellStyle name="Pourcentage 3" xfId="25"/>
    <cellStyle name="Publication_style" xfId="24"/>
    <cellStyle name="Result" xfId="14"/>
    <cellStyle name="Result2" xfId="15"/>
    <cellStyle name="Texte explicatif 2" xfId="30"/>
    <cellStyle name="パーセント 2" xfId="2"/>
    <cellStyle name="常规_2009年年报一览表" xfId="4"/>
    <cellStyle name="標準 3" xfId="1"/>
  </cellStyles>
  <dxfs count="0"/>
  <tableStyles count="0" defaultTableStyle="TableStyleMedium2" defaultPivotStyle="PivotStyleLight16"/>
  <colors>
    <mruColors>
      <color rgb="FFFF7575"/>
      <color rgb="FF005AAB"/>
      <color rgb="FFC00000"/>
      <color rgb="FFFFD653"/>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6.xml"/><Relationship Id="rId3" Type="http://schemas.openxmlformats.org/officeDocument/2006/relationships/externalLink" Target="externalLinks/externalLink1.xml"/><Relationship Id="rId7" Type="http://schemas.openxmlformats.org/officeDocument/2006/relationships/externalLink" Target="externalLinks/externalLink5.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4.xml"/><Relationship Id="rId11" Type="http://schemas.openxmlformats.org/officeDocument/2006/relationships/sharedStrings" Target="sharedStrings.xml"/><Relationship Id="rId5" Type="http://schemas.openxmlformats.org/officeDocument/2006/relationships/externalLink" Target="externalLinks/externalLink3.xml"/><Relationship Id="rId10" Type="http://schemas.openxmlformats.org/officeDocument/2006/relationships/styles" Target="styles.xml"/><Relationship Id="rId4" Type="http://schemas.openxmlformats.org/officeDocument/2006/relationships/externalLink" Target="externalLinks/externalLink2.xml"/><Relationship Id="rId9"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Mac\DOC\Users\i67555\AppData\Local\Microsoft\Windows\INetCache\Content.Outlook\Q2U4FS99\12"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W:\SECTION1\1-15-98.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http://www.dft.gov.uk/TSGB00/8-01-98.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T:\TSGB1998\SECTION1\1-13-98.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tslan10\COMQ\TSGB00\8-01-98.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Mac\DOC\Users\i67555\AppData\Local\Microsoft\Windows\INetCache\Content.Outlook\Q2U4FS99\18"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12"/>
      <sheetName val="1997"/>
      <sheetName val="Common Graph Annex"/>
    </sheetNames>
    <definedNames>
      <definedName name="Dialog"/>
      <definedName name="dialog2"/>
    </definedNames>
    <sheetDataSet>
      <sheetData sheetId="0" refreshError="1"/>
      <sheetData sheetId="1" refreshError="1"/>
      <sheetData sheetId="2"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AWDATA"/>
    </sheetNames>
    <sheetDataSet>
      <sheetData sheetId="0">
        <row r="2">
          <cell r="J2">
            <v>1986</v>
          </cell>
          <cell r="L2" t="str">
            <v>1996/97</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1995"/>
      <sheetName val="Button"/>
      <sheetName val="1997"/>
      <sheetName val="1998"/>
      <sheetName val="1999"/>
      <sheetName val="2000"/>
      <sheetName val="2001"/>
      <sheetName val="2002"/>
      <sheetName val="2003"/>
      <sheetName val="2004"/>
      <sheetName val="2005"/>
      <sheetName val="2006"/>
      <sheetName val="2007"/>
      <sheetName val="2008"/>
      <sheetName val="2009"/>
      <sheetName val="2010"/>
      <sheetName val="TIS-INDEX"/>
      <sheetName val="Admin"/>
      <sheetName val="Replacer"/>
      <sheetName val="8-01-98"/>
    </sheetNames>
    <sheetDataSet>
      <sheetData sheetId="0"/>
      <sheetData sheetId="1"/>
      <sheetData sheetId="2">
        <row r="10">
          <cell r="M10" t="str">
            <v>At purchasing power parity</v>
          </cell>
        </row>
        <row r="19">
          <cell r="M19" t="str">
            <v>..</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IS-INDEX"/>
    </sheetNames>
    <sheetDataSet>
      <sheetData sheetId="0" refreshError="1">
        <row r="9">
          <cell r="E9">
            <v>1983</v>
          </cell>
          <cell r="F9">
            <v>1984</v>
          </cell>
          <cell r="G9">
            <v>1985</v>
          </cell>
          <cell r="H9">
            <v>1986</v>
          </cell>
          <cell r="I9">
            <v>1987</v>
          </cell>
          <cell r="J9">
            <v>1988</v>
          </cell>
          <cell r="K9">
            <v>1989</v>
          </cell>
          <cell r="L9">
            <v>1990</v>
          </cell>
          <cell r="M9">
            <v>1991</v>
          </cell>
          <cell r="N9">
            <v>1992</v>
          </cell>
          <cell r="O9">
            <v>1993</v>
          </cell>
          <cell r="P9">
            <v>1994</v>
          </cell>
          <cell r="Q9">
            <v>1995</v>
          </cell>
          <cell r="R9">
            <v>1996</v>
          </cell>
        </row>
        <row r="13">
          <cell r="B13" t="str">
            <v>Road 1</v>
          </cell>
          <cell r="E13">
            <v>4.2</v>
          </cell>
          <cell r="F13">
            <v>4</v>
          </cell>
          <cell r="G13">
            <v>4.3</v>
          </cell>
          <cell r="H13">
            <v>3.7</v>
          </cell>
          <cell r="I13">
            <v>4.0999999999999996</v>
          </cell>
          <cell r="J13">
            <v>4.9000000000000004</v>
          </cell>
          <cell r="K13">
            <v>4.5</v>
          </cell>
          <cell r="L13">
            <v>4.9000000000000004</v>
          </cell>
          <cell r="M13">
            <v>4.9000000000000004</v>
          </cell>
          <cell r="N13">
            <v>4.5</v>
          </cell>
          <cell r="O13">
            <v>5</v>
          </cell>
          <cell r="P13">
            <v>5.0999999999999996</v>
          </cell>
          <cell r="Q13">
            <v>5.7</v>
          </cell>
        </row>
        <row r="14">
          <cell r="B14" t="str">
            <v xml:space="preserve">Rail </v>
          </cell>
          <cell r="E14">
            <v>2.2999999999999998</v>
          </cell>
          <cell r="F14">
            <v>2.2000000000000002</v>
          </cell>
          <cell r="G14">
            <v>2</v>
          </cell>
          <cell r="H14">
            <v>2.1</v>
          </cell>
          <cell r="I14">
            <v>2</v>
          </cell>
          <cell r="J14">
            <v>2.2000000000000002</v>
          </cell>
          <cell r="K14">
            <v>2.2000000000000002</v>
          </cell>
          <cell r="L14">
            <v>2.1</v>
          </cell>
          <cell r="M14">
            <v>2</v>
          </cell>
          <cell r="N14">
            <v>2</v>
          </cell>
          <cell r="O14">
            <v>1.91</v>
          </cell>
          <cell r="P14">
            <v>1.8220000000000001</v>
          </cell>
          <cell r="Q14">
            <v>1.7</v>
          </cell>
        </row>
        <row r="15">
          <cell r="B15" t="str">
            <v xml:space="preserve">Water </v>
          </cell>
          <cell r="E15">
            <v>51.4</v>
          </cell>
          <cell r="F15">
            <v>53.1</v>
          </cell>
          <cell r="G15">
            <v>50.9</v>
          </cell>
          <cell r="H15">
            <v>46</v>
          </cell>
          <cell r="I15">
            <v>43.9</v>
          </cell>
          <cell r="J15">
            <v>49.3</v>
          </cell>
          <cell r="K15">
            <v>47.9</v>
          </cell>
          <cell r="L15">
            <v>45.4</v>
          </cell>
          <cell r="M15">
            <v>46</v>
          </cell>
          <cell r="N15">
            <v>42.7</v>
          </cell>
          <cell r="O15">
            <v>41.7</v>
          </cell>
          <cell r="P15">
            <v>43</v>
          </cell>
          <cell r="Q15">
            <v>42.5</v>
          </cell>
        </row>
        <row r="16">
          <cell r="B16" t="str">
            <v>ow:  coastwise</v>
          </cell>
          <cell r="E16">
            <v>40.200000000000003</v>
          </cell>
          <cell r="F16">
            <v>41</v>
          </cell>
          <cell r="G16">
            <v>38.9</v>
          </cell>
          <cell r="H16">
            <v>33.9</v>
          </cell>
          <cell r="I16">
            <v>31.4</v>
          </cell>
          <cell r="J16">
            <v>34.200000000000003</v>
          </cell>
          <cell r="K16">
            <v>34.1</v>
          </cell>
          <cell r="L16">
            <v>32.1</v>
          </cell>
          <cell r="M16">
            <v>31.2</v>
          </cell>
          <cell r="N16">
            <v>29.4</v>
          </cell>
          <cell r="O16">
            <v>28.9</v>
          </cell>
          <cell r="P16">
            <v>28.9</v>
          </cell>
          <cell r="Q16">
            <v>31.4</v>
          </cell>
        </row>
        <row r="17">
          <cell r="B17" t="str">
            <v xml:space="preserve">Pipeline </v>
          </cell>
          <cell r="H17">
            <v>10.4</v>
          </cell>
          <cell r="I17">
            <v>10.5</v>
          </cell>
          <cell r="J17">
            <v>11.1</v>
          </cell>
          <cell r="K17">
            <v>9.8000000000000007</v>
          </cell>
          <cell r="L17">
            <v>11.1</v>
          </cell>
          <cell r="M17">
            <v>11.1</v>
          </cell>
          <cell r="N17">
            <v>11</v>
          </cell>
          <cell r="O17">
            <v>11.6</v>
          </cell>
          <cell r="P17">
            <v>12</v>
          </cell>
          <cell r="Q17">
            <v>12.2</v>
          </cell>
        </row>
        <row r="18">
          <cell r="B18" t="str">
            <v>Pipeline</v>
          </cell>
          <cell r="E18">
            <v>9.9</v>
          </cell>
          <cell r="F18">
            <v>10.4</v>
          </cell>
          <cell r="G18">
            <v>11.2</v>
          </cell>
          <cell r="H18">
            <v>10.4</v>
          </cell>
          <cell r="I18">
            <v>10.5</v>
          </cell>
          <cell r="J18">
            <v>11.1</v>
          </cell>
          <cell r="K18">
            <v>9.8000000000000007</v>
          </cell>
          <cell r="L18">
            <v>11</v>
          </cell>
          <cell r="M18">
            <v>11.1</v>
          </cell>
          <cell r="N18">
            <v>11</v>
          </cell>
          <cell r="O18">
            <v>11.6</v>
          </cell>
          <cell r="P18">
            <v>12</v>
          </cell>
          <cell r="Q18">
            <v>12.2</v>
          </cell>
        </row>
        <row r="19">
          <cell r="B19" t="str">
            <v>All modes</v>
          </cell>
          <cell r="E19">
            <v>67.8</v>
          </cell>
          <cell r="F19">
            <v>69.7</v>
          </cell>
          <cell r="G19">
            <v>68.400000000000006</v>
          </cell>
          <cell r="H19">
            <v>62.2</v>
          </cell>
          <cell r="I19">
            <v>60.5</v>
          </cell>
          <cell r="J19">
            <v>67.5</v>
          </cell>
          <cell r="K19">
            <v>64.400000000000006</v>
          </cell>
          <cell r="L19">
            <v>63.5</v>
          </cell>
          <cell r="M19">
            <v>64</v>
          </cell>
          <cell r="N19">
            <v>60.2</v>
          </cell>
          <cell r="O19">
            <v>60.21</v>
          </cell>
          <cell r="P19">
            <v>61.921999999999997</v>
          </cell>
          <cell r="Q19">
            <v>62.099999999999994</v>
          </cell>
        </row>
        <row r="22">
          <cell r="B22" t="str">
            <v>Road 1</v>
          </cell>
          <cell r="E22">
            <v>3.2</v>
          </cell>
          <cell r="F22">
            <v>3.3</v>
          </cell>
          <cell r="G22">
            <v>4.2</v>
          </cell>
          <cell r="H22">
            <v>3.7</v>
          </cell>
          <cell r="I22">
            <v>3.7</v>
          </cell>
          <cell r="J22">
            <v>3.9</v>
          </cell>
          <cell r="K22">
            <v>4</v>
          </cell>
          <cell r="L22">
            <v>4.2</v>
          </cell>
          <cell r="M22">
            <v>3.7</v>
          </cell>
          <cell r="N22">
            <v>3.5</v>
          </cell>
          <cell r="O22">
            <v>3.1</v>
          </cell>
          <cell r="P22">
            <v>2.9</v>
          </cell>
          <cell r="Q22">
            <v>2.7</v>
          </cell>
        </row>
        <row r="23">
          <cell r="B23" t="str">
            <v xml:space="preserve">Rail </v>
          </cell>
          <cell r="E23">
            <v>5.9</v>
          </cell>
          <cell r="F23">
            <v>1.6</v>
          </cell>
          <cell r="G23">
            <v>4.0999999999999996</v>
          </cell>
          <cell r="H23">
            <v>5.0999999999999996</v>
          </cell>
          <cell r="I23">
            <v>4.7</v>
          </cell>
          <cell r="J23">
            <v>4.5999999999999996</v>
          </cell>
          <cell r="K23">
            <v>4.8</v>
          </cell>
          <cell r="L23">
            <v>5</v>
          </cell>
          <cell r="M23">
            <v>5</v>
          </cell>
          <cell r="N23">
            <v>5.4</v>
          </cell>
          <cell r="O23">
            <v>3.9449999999999998</v>
          </cell>
          <cell r="P23">
            <v>3.2719999999999998</v>
          </cell>
          <cell r="Q23">
            <v>3.1</v>
          </cell>
        </row>
        <row r="24">
          <cell r="B24" t="str">
            <v xml:space="preserve">Water </v>
          </cell>
          <cell r="E24">
            <v>3.8</v>
          </cell>
          <cell r="F24">
            <v>1.1000000000000001</v>
          </cell>
          <cell r="G24">
            <v>3.1</v>
          </cell>
          <cell r="H24">
            <v>3.7</v>
          </cell>
          <cell r="I24">
            <v>2.9</v>
          </cell>
          <cell r="J24">
            <v>2.9</v>
          </cell>
          <cell r="K24">
            <v>2.6</v>
          </cell>
          <cell r="L24">
            <v>1.4</v>
          </cell>
          <cell r="M24">
            <v>1.8</v>
          </cell>
          <cell r="N24">
            <v>1.8</v>
          </cell>
          <cell r="O24">
            <v>1.5</v>
          </cell>
          <cell r="P24">
            <v>1.4</v>
          </cell>
          <cell r="Q24">
            <v>1.8</v>
          </cell>
        </row>
        <row r="25">
          <cell r="B25" t="str">
            <v>All modes</v>
          </cell>
          <cell r="E25">
            <v>12.900000000000002</v>
          </cell>
          <cell r="F25">
            <v>6</v>
          </cell>
          <cell r="G25">
            <v>11.4</v>
          </cell>
          <cell r="H25">
            <v>12.5</v>
          </cell>
          <cell r="I25">
            <v>11.3</v>
          </cell>
          <cell r="J25">
            <v>11.4</v>
          </cell>
          <cell r="K25">
            <v>11.4</v>
          </cell>
          <cell r="L25">
            <v>10.6</v>
          </cell>
          <cell r="M25">
            <v>10.5</v>
          </cell>
          <cell r="N25">
            <v>10.700000000000001</v>
          </cell>
          <cell r="O25">
            <v>8.5449999999999999</v>
          </cell>
          <cell r="P25">
            <v>7.5719999999999992</v>
          </cell>
          <cell r="Q25">
            <v>7.6000000000000005</v>
          </cell>
        </row>
        <row r="28">
          <cell r="B28" t="str">
            <v>Road 1</v>
          </cell>
          <cell r="E28">
            <v>88.5</v>
          </cell>
          <cell r="F28">
            <v>93.1</v>
          </cell>
          <cell r="G28">
            <v>94.7</v>
          </cell>
          <cell r="H28">
            <v>98</v>
          </cell>
          <cell r="I28">
            <v>105.5</v>
          </cell>
          <cell r="J28">
            <v>121.4</v>
          </cell>
          <cell r="K28">
            <v>129.30000000000001</v>
          </cell>
          <cell r="L28">
            <v>127.2</v>
          </cell>
          <cell r="M28">
            <v>121.4</v>
          </cell>
          <cell r="N28">
            <v>118.5</v>
          </cell>
          <cell r="O28">
            <v>126.4</v>
          </cell>
          <cell r="P28">
            <v>135.69999999999999</v>
          </cell>
          <cell r="Q28">
            <v>141.19999999999999</v>
          </cell>
        </row>
        <row r="29">
          <cell r="B29" t="str">
            <v xml:space="preserve">Rail </v>
          </cell>
          <cell r="E29">
            <v>8.9</v>
          </cell>
          <cell r="F29">
            <v>8.9</v>
          </cell>
          <cell r="G29">
            <v>9.1999999999999993</v>
          </cell>
          <cell r="H29">
            <v>9.4</v>
          </cell>
          <cell r="I29">
            <v>10.6</v>
          </cell>
          <cell r="J29">
            <v>11.4</v>
          </cell>
          <cell r="K29">
            <v>10.3</v>
          </cell>
          <cell r="L29">
            <v>8.6999999999999993</v>
          </cell>
          <cell r="M29">
            <v>8.3000000000000007</v>
          </cell>
          <cell r="N29">
            <v>8.1</v>
          </cell>
          <cell r="O29">
            <v>7.91</v>
          </cell>
          <cell r="P29">
            <v>7.8839999999999995</v>
          </cell>
          <cell r="Q29">
            <v>8.5</v>
          </cell>
        </row>
        <row r="30">
          <cell r="B30" t="str">
            <v xml:space="preserve">Water </v>
          </cell>
          <cell r="E30">
            <v>5.0999999999999996</v>
          </cell>
          <cell r="F30">
            <v>5.5</v>
          </cell>
          <cell r="G30">
            <v>3.6</v>
          </cell>
          <cell r="H30">
            <v>5.0999999999999996</v>
          </cell>
          <cell r="I30">
            <v>7.3</v>
          </cell>
          <cell r="J30">
            <v>7.1</v>
          </cell>
          <cell r="K30">
            <v>7.4</v>
          </cell>
          <cell r="L30">
            <v>8.6999999999999993</v>
          </cell>
          <cell r="M30">
            <v>9.9</v>
          </cell>
          <cell r="N30">
            <v>10.4</v>
          </cell>
          <cell r="O30">
            <v>8</v>
          </cell>
          <cell r="P30">
            <v>7.8</v>
          </cell>
          <cell r="Q30">
            <v>8.3000000000000007</v>
          </cell>
        </row>
        <row r="31">
          <cell r="B31" t="str">
            <v>All modes</v>
          </cell>
          <cell r="E31">
            <v>102.5</v>
          </cell>
          <cell r="F31">
            <v>107.5</v>
          </cell>
          <cell r="G31">
            <v>107.5</v>
          </cell>
          <cell r="H31">
            <v>112.5</v>
          </cell>
          <cell r="I31">
            <v>123.39999999999999</v>
          </cell>
          <cell r="J31">
            <v>139.9</v>
          </cell>
          <cell r="K31">
            <v>147.00000000000003</v>
          </cell>
          <cell r="L31">
            <v>144.6</v>
          </cell>
          <cell r="M31">
            <v>139.60000000000002</v>
          </cell>
          <cell r="N31">
            <v>137</v>
          </cell>
          <cell r="O31">
            <v>142.31</v>
          </cell>
          <cell r="P31">
            <v>151.38399999999999</v>
          </cell>
          <cell r="Q31">
            <v>158</v>
          </cell>
        </row>
        <row r="34">
          <cell r="B34" t="str">
            <v>Road 1</v>
          </cell>
          <cell r="E34">
            <v>95.9</v>
          </cell>
          <cell r="F34">
            <v>100.39999999999999</v>
          </cell>
          <cell r="G34">
            <v>103.2</v>
          </cell>
          <cell r="H34">
            <v>105.4</v>
          </cell>
          <cell r="I34">
            <v>113.3</v>
          </cell>
          <cell r="J34">
            <v>130.20000000000002</v>
          </cell>
          <cell r="K34">
            <v>137.80000000000001</v>
          </cell>
          <cell r="L34">
            <v>136.30000000000001</v>
          </cell>
          <cell r="M34">
            <v>130</v>
          </cell>
          <cell r="N34">
            <v>126.5</v>
          </cell>
          <cell r="O34">
            <v>134.5</v>
          </cell>
          <cell r="P34">
            <v>143.69999999999999</v>
          </cell>
          <cell r="Q34">
            <v>149.6</v>
          </cell>
        </row>
        <row r="35">
          <cell r="B35" t="str">
            <v xml:space="preserve">Rail </v>
          </cell>
          <cell r="E35">
            <v>17.100000000000001</v>
          </cell>
          <cell r="F35">
            <v>12.700000000000001</v>
          </cell>
          <cell r="G35">
            <v>15.299999999999999</v>
          </cell>
          <cell r="H35">
            <v>16.600000000000001</v>
          </cell>
          <cell r="I35">
            <v>17.3</v>
          </cell>
          <cell r="J35">
            <v>18.2</v>
          </cell>
          <cell r="K35">
            <v>17.3</v>
          </cell>
          <cell r="L35">
            <v>15.799999999999999</v>
          </cell>
          <cell r="M35">
            <v>15.3</v>
          </cell>
          <cell r="N35">
            <v>15.5</v>
          </cell>
          <cell r="O35">
            <v>13.765000000000001</v>
          </cell>
          <cell r="P35">
            <v>12.977999999999998</v>
          </cell>
          <cell r="Q35">
            <v>13.3</v>
          </cell>
        </row>
        <row r="36">
          <cell r="B36" t="str">
            <v xml:space="preserve">Water </v>
          </cell>
          <cell r="E36">
            <v>60.3</v>
          </cell>
          <cell r="F36">
            <v>59.7</v>
          </cell>
          <cell r="G36">
            <v>57.6</v>
          </cell>
          <cell r="H36">
            <v>54.800000000000004</v>
          </cell>
          <cell r="I36">
            <v>54.099999999999994</v>
          </cell>
          <cell r="J36">
            <v>59.3</v>
          </cell>
          <cell r="K36">
            <v>57.9</v>
          </cell>
          <cell r="L36">
            <v>55.7</v>
          </cell>
          <cell r="M36">
            <v>57.699999999999996</v>
          </cell>
          <cell r="N36">
            <v>54.900000000000006</v>
          </cell>
          <cell r="O36">
            <v>51.2</v>
          </cell>
          <cell r="P36">
            <v>52.2</v>
          </cell>
          <cell r="Q36">
            <v>52.6</v>
          </cell>
        </row>
        <row r="37">
          <cell r="B37" t="str">
            <v xml:space="preserve">Pipeline </v>
          </cell>
          <cell r="E37">
            <v>9.9</v>
          </cell>
          <cell r="F37">
            <v>10.4</v>
          </cell>
          <cell r="G37">
            <v>11.2</v>
          </cell>
          <cell r="H37">
            <v>10.4</v>
          </cell>
          <cell r="I37">
            <v>10.5</v>
          </cell>
          <cell r="J37">
            <v>11.1</v>
          </cell>
          <cell r="K37">
            <v>9.8000000000000007</v>
          </cell>
          <cell r="L37">
            <v>11</v>
          </cell>
          <cell r="M37">
            <v>11.1</v>
          </cell>
          <cell r="N37">
            <v>11</v>
          </cell>
          <cell r="O37">
            <v>11.6</v>
          </cell>
          <cell r="P37">
            <v>12</v>
          </cell>
          <cell r="Q37">
            <v>12.2</v>
          </cell>
        </row>
        <row r="38">
          <cell r="B38" t="str">
            <v xml:space="preserve">All modes </v>
          </cell>
          <cell r="E38">
            <v>183.20000000000002</v>
          </cell>
          <cell r="F38">
            <v>183.20000000000002</v>
          </cell>
          <cell r="G38">
            <v>187.29999999999998</v>
          </cell>
          <cell r="H38">
            <v>187.20000000000002</v>
          </cell>
          <cell r="I38">
            <v>195.2</v>
          </cell>
          <cell r="J38">
            <v>218.79999999999998</v>
          </cell>
          <cell r="K38">
            <v>222.80000000000004</v>
          </cell>
          <cell r="L38">
            <v>218.8</v>
          </cell>
          <cell r="M38">
            <v>214.1</v>
          </cell>
          <cell r="N38">
            <v>207.9</v>
          </cell>
          <cell r="O38">
            <v>211.06499999999997</v>
          </cell>
          <cell r="P38">
            <v>220.87799999999999</v>
          </cell>
          <cell r="Q38">
            <v>227.7</v>
          </cell>
        </row>
        <row r="41">
          <cell r="B41" t="str">
            <v>Road 1</v>
          </cell>
          <cell r="E41">
            <v>52.3471615720524</v>
          </cell>
          <cell r="F41">
            <v>54.803493449781648</v>
          </cell>
          <cell r="G41">
            <v>55.098772023491726</v>
          </cell>
          <cell r="H41">
            <v>56.303418803418801</v>
          </cell>
          <cell r="I41">
            <v>58.043032786885249</v>
          </cell>
          <cell r="J41">
            <v>59.506398537477153</v>
          </cell>
          <cell r="K41">
            <v>61.849192100538595</v>
          </cell>
          <cell r="L41">
            <v>62.294332723948806</v>
          </cell>
          <cell r="M41">
            <v>60.719290051377861</v>
          </cell>
          <cell r="N41">
            <v>60.846560846560848</v>
          </cell>
          <cell r="O41">
            <v>63.724445076161388</v>
          </cell>
          <cell r="P41">
            <v>65.058539103034249</v>
          </cell>
          <cell r="Q41">
            <v>65.700483091787447</v>
          </cell>
        </row>
        <row r="42">
          <cell r="B42" t="str">
            <v xml:space="preserve">Rail </v>
          </cell>
          <cell r="E42">
            <v>9.3340611353711793</v>
          </cell>
          <cell r="F42">
            <v>6.9323144104803491</v>
          </cell>
          <cell r="G42">
            <v>8.1687132941804581</v>
          </cell>
          <cell r="H42">
            <v>8.867521367521368</v>
          </cell>
          <cell r="I42">
            <v>8.8627049180327884</v>
          </cell>
          <cell r="J42">
            <v>8.3180987202925056</v>
          </cell>
          <cell r="K42">
            <v>7.7648114901256724</v>
          </cell>
          <cell r="L42">
            <v>7.221206581352833</v>
          </cell>
          <cell r="M42">
            <v>7.1461933675852407</v>
          </cell>
          <cell r="N42">
            <v>7.4555074555074556</v>
          </cell>
          <cell r="O42">
            <v>6.5216876317722035</v>
          </cell>
          <cell r="P42">
            <v>5.8756417569880197</v>
          </cell>
          <cell r="Q42">
            <v>5.8410188844971467</v>
          </cell>
        </row>
        <row r="43">
          <cell r="B43" t="str">
            <v xml:space="preserve">Water </v>
          </cell>
          <cell r="E43">
            <v>32.914847161572048</v>
          </cell>
          <cell r="F43">
            <v>32.587336244541483</v>
          </cell>
          <cell r="G43">
            <v>30.752802989855848</v>
          </cell>
          <cell r="H43">
            <v>29.273504273504276</v>
          </cell>
          <cell r="I43">
            <v>27.715163934426229</v>
          </cell>
          <cell r="J43">
            <v>27.102376599634368</v>
          </cell>
          <cell r="K43">
            <v>25.987432675044879</v>
          </cell>
          <cell r="L43">
            <v>25.457038391224863</v>
          </cell>
          <cell r="M43">
            <v>26.950023353573094</v>
          </cell>
          <cell r="N43">
            <v>26.406926406926406</v>
          </cell>
          <cell r="O43">
            <v>24.257930021557346</v>
          </cell>
          <cell r="P43">
            <v>23.632955749327685</v>
          </cell>
          <cell r="Q43">
            <v>23.100570926657884</v>
          </cell>
        </row>
        <row r="44">
          <cell r="B44" t="str">
            <v>Pipeline</v>
          </cell>
          <cell r="E44">
            <v>5.4039301310043664</v>
          </cell>
          <cell r="F44">
            <v>5.676855895196506</v>
          </cell>
          <cell r="G44">
            <v>5.9797116924719704</v>
          </cell>
          <cell r="H44">
            <v>5.5555555555555554</v>
          </cell>
          <cell r="I44">
            <v>5.3790983606557381</v>
          </cell>
          <cell r="J44">
            <v>5.0731261425959779</v>
          </cell>
          <cell r="K44">
            <v>4.3985637342908435</v>
          </cell>
          <cell r="L44">
            <v>5.0274223034734913</v>
          </cell>
          <cell r="M44">
            <v>5.1844932274638014</v>
          </cell>
          <cell r="N44">
            <v>5.2910052910052912</v>
          </cell>
          <cell r="O44">
            <v>5.495937270509085</v>
          </cell>
          <cell r="P44">
            <v>5.4328633906500423</v>
          </cell>
          <cell r="Q44">
            <v>5.3579270970575319</v>
          </cell>
        </row>
      </sheetData>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1995"/>
      <sheetName val="Button"/>
      <sheetName val="1997"/>
      <sheetName val="1998"/>
      <sheetName val="1999"/>
      <sheetName val="2000"/>
      <sheetName val="2001"/>
      <sheetName val="2002"/>
      <sheetName val="2003"/>
      <sheetName val="2004"/>
      <sheetName val="2005"/>
      <sheetName val="2006"/>
      <sheetName val="2007"/>
      <sheetName val="2008"/>
      <sheetName val="2009"/>
      <sheetName val="2010"/>
      <sheetName val="TIS-INDEX"/>
      <sheetName val="Admin"/>
      <sheetName val="Replacer"/>
      <sheetName val="8-01-98"/>
    </sheetNames>
    <sheetDataSet>
      <sheetData sheetId="0"/>
      <sheetData sheetId="1"/>
      <sheetData sheetId="2">
        <row r="10">
          <cell r="M10" t="str">
            <v>At purchasing power parity</v>
          </cell>
        </row>
        <row r="19">
          <cell r="M19" t="str">
            <v>..</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18"/>
    </sheetNames>
    <definedNames>
      <definedName name="Dialog"/>
    </definedNames>
    <sheetDataSet>
      <sheetData sheetId="0" refreshError="1"/>
    </sheetDataSet>
  </externalBook>
</externalLink>
</file>

<file path=xl/theme/theme1.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31"/>
  <sheetViews>
    <sheetView tabSelected="1" zoomScale="85" zoomScaleNormal="85" workbookViewId="0">
      <selection activeCell="B4" sqref="B4"/>
    </sheetView>
  </sheetViews>
  <sheetFormatPr baseColWidth="10" defaultColWidth="0" defaultRowHeight="15" zeroHeight="1"/>
  <cols>
    <col min="1" max="1" width="9.85546875" style="62" customWidth="1"/>
    <col min="2" max="2" width="97" style="63" customWidth="1"/>
    <col min="3" max="3" width="10.140625" style="62" customWidth="1"/>
    <col min="4" max="16384" width="11.42578125" style="62" hidden="1"/>
  </cols>
  <sheetData>
    <row r="1" spans="2:2" ht="15.75" thickBot="1"/>
    <row r="2" spans="2:2">
      <c r="B2" s="26" t="s">
        <v>243</v>
      </c>
    </row>
    <row r="3" spans="2:2" ht="9.75" customHeight="1">
      <c r="B3" s="64"/>
    </row>
    <row r="4" spans="2:2" ht="30">
      <c r="B4" s="79" t="s">
        <v>251</v>
      </c>
    </row>
    <row r="5" spans="2:2">
      <c r="B5" s="74" t="s">
        <v>252</v>
      </c>
    </row>
    <row r="6" spans="2:2">
      <c r="B6" s="75" t="s">
        <v>253</v>
      </c>
    </row>
    <row r="7" spans="2:2">
      <c r="B7" s="76" t="s">
        <v>255</v>
      </c>
    </row>
    <row r="8" spans="2:2">
      <c r="B8" s="77"/>
    </row>
    <row r="9" spans="2:2">
      <c r="B9" s="79" t="s">
        <v>254</v>
      </c>
    </row>
    <row r="10" spans="2:2">
      <c r="B10" s="79"/>
    </row>
    <row r="11" spans="2:2">
      <c r="B11" s="78"/>
    </row>
    <row r="12" spans="2:2">
      <c r="B12" s="65" t="s">
        <v>245</v>
      </c>
    </row>
    <row r="13" spans="2:2">
      <c r="B13" s="64"/>
    </row>
    <row r="14" spans="2:2">
      <c r="B14" s="65"/>
    </row>
    <row r="15" spans="2:2">
      <c r="B15" s="64"/>
    </row>
    <row r="16" spans="2:2">
      <c r="B16" s="27" t="s">
        <v>244</v>
      </c>
    </row>
    <row r="17" spans="2:2">
      <c r="B17" s="66" t="s">
        <v>248</v>
      </c>
    </row>
    <row r="18" spans="2:2">
      <c r="B18" s="67" t="s">
        <v>230</v>
      </c>
    </row>
    <row r="19" spans="2:2">
      <c r="B19" s="64"/>
    </row>
    <row r="20" spans="2:2">
      <c r="B20" s="66" t="s">
        <v>247</v>
      </c>
    </row>
    <row r="21" spans="2:2" ht="45">
      <c r="B21" s="67" t="s">
        <v>229</v>
      </c>
    </row>
    <row r="22" spans="2:2">
      <c r="B22" s="64"/>
    </row>
    <row r="23" spans="2:2">
      <c r="B23" s="68" t="s">
        <v>246</v>
      </c>
    </row>
    <row r="24" spans="2:2" ht="45">
      <c r="B24" s="69" t="s">
        <v>249</v>
      </c>
    </row>
    <row r="25" spans="2:2" ht="15.75" thickBot="1">
      <c r="B25" s="70"/>
    </row>
    <row r="26" spans="2:2">
      <c r="B26" s="62"/>
    </row>
    <row r="27" spans="2:2">
      <c r="B27" s="62"/>
    </row>
    <row r="28" spans="2:2">
      <c r="B28" s="62"/>
    </row>
    <row r="29" spans="2:2">
      <c r="B29" s="62"/>
    </row>
    <row r="30" spans="2:2"/>
    <row r="31" spans="2:2"/>
  </sheetData>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tabColor theme="9"/>
    <pageSetUpPr fitToPage="1"/>
  </sheetPr>
  <dimension ref="A1:XDZ220"/>
  <sheetViews>
    <sheetView zoomScale="70" zoomScaleNormal="70" workbookViewId="0"/>
  </sheetViews>
  <sheetFormatPr baseColWidth="10" defaultColWidth="0" defaultRowHeight="15" zeroHeight="1"/>
  <cols>
    <col min="1" max="1" width="8.28515625" style="2" customWidth="1"/>
    <col min="2" max="2" width="48.28515625" style="1" customWidth="1"/>
    <col min="3" max="3" width="31.7109375" style="1" customWidth="1"/>
    <col min="4" max="4" width="31.7109375" style="20" customWidth="1"/>
    <col min="5" max="5" width="28.140625" style="1" customWidth="1"/>
    <col min="6" max="17" width="55.85546875" style="2" hidden="1"/>
    <col min="18" max="16354" width="0" style="2" hidden="1"/>
    <col min="16355" max="16384" width="55.85546875" style="2" hidden="1"/>
  </cols>
  <sheetData>
    <row r="1" spans="2:5" ht="18" customHeight="1">
      <c r="B1" s="72" t="s">
        <v>233</v>
      </c>
      <c r="C1" s="72"/>
    </row>
    <row r="2" spans="2:5">
      <c r="B2" s="71" t="s">
        <v>192</v>
      </c>
      <c r="C2" s="71"/>
    </row>
    <row r="3" spans="2:5">
      <c r="B3" s="71" t="s">
        <v>191</v>
      </c>
      <c r="C3" s="71"/>
    </row>
    <row r="4" spans="2:5">
      <c r="B4" s="71" t="s">
        <v>193</v>
      </c>
      <c r="C4" s="71"/>
    </row>
    <row r="5" spans="2:5">
      <c r="B5" s="71" t="s">
        <v>194</v>
      </c>
      <c r="C5" s="71"/>
    </row>
    <row r="6" spans="2:5">
      <c r="B6" s="73" t="s">
        <v>234</v>
      </c>
      <c r="C6" s="73"/>
    </row>
    <row r="7" spans="2:5">
      <c r="B7" s="73" t="s">
        <v>235</v>
      </c>
      <c r="C7" s="73"/>
    </row>
    <row r="8" spans="2:5">
      <c r="B8" s="73" t="s">
        <v>236</v>
      </c>
      <c r="C8" s="73"/>
    </row>
    <row r="9" spans="2:5">
      <c r="B9" s="73" t="s">
        <v>237</v>
      </c>
      <c r="C9" s="73"/>
    </row>
    <row r="10" spans="2:5" ht="30" customHeight="1">
      <c r="B10" s="73" t="s">
        <v>239</v>
      </c>
      <c r="C10" s="73"/>
    </row>
    <row r="11" spans="2:5" ht="32.25" customHeight="1">
      <c r="B11" s="73" t="s">
        <v>240</v>
      </c>
      <c r="C11" s="73"/>
    </row>
    <row r="12" spans="2:5">
      <c r="B12" s="71" t="s">
        <v>241</v>
      </c>
      <c r="C12" s="71"/>
    </row>
    <row r="13" spans="2:5" ht="31.5" customHeight="1">
      <c r="B13" s="73" t="s">
        <v>242</v>
      </c>
      <c r="C13" s="73"/>
    </row>
    <row r="14" spans="2:5" ht="18" customHeight="1"/>
    <row r="15" spans="2:5"/>
    <row r="16" spans="2:5" s="1" customFormat="1">
      <c r="B16" s="29" t="s">
        <v>27</v>
      </c>
      <c r="C16" s="15"/>
      <c r="D16" s="15"/>
      <c r="E16" s="21"/>
    </row>
    <row r="17" spans="2:5" s="1" customFormat="1">
      <c r="B17" s="30" t="s">
        <v>56</v>
      </c>
      <c r="C17" s="16"/>
      <c r="D17" s="16"/>
    </row>
    <row r="18" spans="2:5" s="1" customFormat="1">
      <c r="B18" s="17" t="s">
        <v>99</v>
      </c>
      <c r="C18" s="17" t="s">
        <v>98</v>
      </c>
      <c r="D18" s="17" t="s">
        <v>0</v>
      </c>
    </row>
    <row r="19" spans="2:5" s="1" customFormat="1">
      <c r="B19" s="12" t="s">
        <v>5</v>
      </c>
      <c r="C19" s="31"/>
      <c r="D19" s="12" t="s">
        <v>4</v>
      </c>
    </row>
    <row r="20" spans="2:5">
      <c r="B20" s="12" t="s">
        <v>8</v>
      </c>
      <c r="C20" s="32"/>
      <c r="D20" s="12" t="s">
        <v>21</v>
      </c>
    </row>
    <row r="21" spans="2:5" ht="60">
      <c r="B21" s="12" t="s">
        <v>156</v>
      </c>
      <c r="C21" s="33"/>
      <c r="D21" s="12" t="s">
        <v>37</v>
      </c>
      <c r="E21" s="2"/>
    </row>
    <row r="22" spans="2:5" ht="30">
      <c r="B22" s="12" t="s">
        <v>157</v>
      </c>
      <c r="C22" s="34"/>
      <c r="D22" s="22" t="s">
        <v>161</v>
      </c>
      <c r="E22" s="2"/>
    </row>
    <row r="23" spans="2:5">
      <c r="B23" s="29" t="s">
        <v>28</v>
      </c>
      <c r="C23" s="15"/>
      <c r="D23" s="15"/>
      <c r="E23" s="2"/>
    </row>
    <row r="24" spans="2:5" ht="30">
      <c r="B24" s="30" t="s">
        <v>57</v>
      </c>
      <c r="C24" s="16"/>
      <c r="D24" s="16"/>
      <c r="E24" s="2"/>
    </row>
    <row r="25" spans="2:5">
      <c r="B25" s="17" t="s">
        <v>99</v>
      </c>
      <c r="C25" s="17" t="s">
        <v>98</v>
      </c>
      <c r="D25" s="17" t="s">
        <v>0</v>
      </c>
      <c r="E25" s="2"/>
    </row>
    <row r="26" spans="2:5" s="1" customFormat="1" ht="105">
      <c r="B26" s="12" t="s">
        <v>195</v>
      </c>
      <c r="C26" s="35"/>
      <c r="D26" s="12" t="s">
        <v>158</v>
      </c>
    </row>
    <row r="27" spans="2:5" ht="121.5" customHeight="1">
      <c r="B27" s="3" t="s">
        <v>160</v>
      </c>
      <c r="C27" s="34"/>
      <c r="D27" s="3" t="s">
        <v>231</v>
      </c>
    </row>
    <row r="28" spans="2:5" s="1" customFormat="1">
      <c r="B28" s="29" t="s">
        <v>29</v>
      </c>
      <c r="C28" s="15"/>
      <c r="D28" s="15"/>
    </row>
    <row r="29" spans="2:5" s="1" customFormat="1">
      <c r="B29" s="30" t="s">
        <v>58</v>
      </c>
      <c r="C29" s="16"/>
      <c r="D29" s="16"/>
    </row>
    <row r="30" spans="2:5" s="1" customFormat="1">
      <c r="B30" s="17" t="s">
        <v>99</v>
      </c>
      <c r="C30" s="17" t="s">
        <v>98</v>
      </c>
      <c r="D30" s="17" t="s">
        <v>0</v>
      </c>
    </row>
    <row r="31" spans="2:5" s="1" customFormat="1" ht="30">
      <c r="B31" s="12" t="s">
        <v>94</v>
      </c>
      <c r="C31" s="36"/>
      <c r="D31" s="12" t="s">
        <v>1</v>
      </c>
      <c r="E31" s="6"/>
    </row>
    <row r="32" spans="2:5" s="1" customFormat="1" ht="30">
      <c r="B32" s="12" t="s">
        <v>95</v>
      </c>
      <c r="C32" s="32"/>
      <c r="D32" s="12" t="s">
        <v>38</v>
      </c>
    </row>
    <row r="33" spans="2:5" s="1" customFormat="1" ht="30">
      <c r="B33" s="12" t="s">
        <v>96</v>
      </c>
      <c r="C33" s="36"/>
      <c r="D33" s="12" t="s">
        <v>1</v>
      </c>
      <c r="E33" s="11"/>
    </row>
    <row r="34" spans="2:5" s="1" customFormat="1" ht="30">
      <c r="B34" s="12" t="s">
        <v>97</v>
      </c>
      <c r="C34" s="34"/>
      <c r="D34" s="12" t="s">
        <v>38</v>
      </c>
    </row>
    <row r="35" spans="2:5" ht="45">
      <c r="B35" s="3" t="s">
        <v>159</v>
      </c>
      <c r="C35" s="34"/>
      <c r="D35" s="3" t="s">
        <v>22</v>
      </c>
      <c r="E35" s="2"/>
    </row>
    <row r="36" spans="2:5">
      <c r="B36" s="18" t="s">
        <v>39</v>
      </c>
      <c r="C36" s="37"/>
      <c r="D36" s="18" t="s">
        <v>232</v>
      </c>
      <c r="E36" s="7"/>
    </row>
    <row r="37" spans="2:5">
      <c r="B37" s="18" t="s">
        <v>40</v>
      </c>
      <c r="C37" s="37"/>
      <c r="D37" s="18" t="s">
        <v>2</v>
      </c>
      <c r="E37" s="7"/>
    </row>
    <row r="38" spans="2:5">
      <c r="B38" s="18" t="s">
        <v>41</v>
      </c>
      <c r="C38" s="37"/>
      <c r="D38" s="18" t="s">
        <v>2</v>
      </c>
      <c r="E38" s="7"/>
    </row>
    <row r="39" spans="2:5">
      <c r="B39" s="18" t="s">
        <v>42</v>
      </c>
      <c r="C39" s="37"/>
      <c r="D39" s="18" t="s">
        <v>2</v>
      </c>
      <c r="E39" s="7"/>
    </row>
    <row r="40" spans="2:5">
      <c r="B40" s="18" t="s">
        <v>43</v>
      </c>
      <c r="C40" s="32"/>
      <c r="D40" s="18" t="s">
        <v>2</v>
      </c>
      <c r="E40" s="7"/>
    </row>
    <row r="41" spans="2:5">
      <c r="B41" s="18" t="s">
        <v>44</v>
      </c>
      <c r="C41" s="32"/>
      <c r="D41" s="18" t="s">
        <v>2</v>
      </c>
      <c r="E41" s="7"/>
    </row>
    <row r="42" spans="2:5">
      <c r="B42" s="18" t="s">
        <v>45</v>
      </c>
      <c r="C42" s="32"/>
      <c r="D42" s="18" t="s">
        <v>2</v>
      </c>
      <c r="E42" s="7"/>
    </row>
    <row r="43" spans="2:5">
      <c r="B43" s="18" t="s">
        <v>46</v>
      </c>
      <c r="C43" s="32"/>
      <c r="D43" s="18" t="s">
        <v>2</v>
      </c>
      <c r="E43" s="7"/>
    </row>
    <row r="44" spans="2:5" s="1" customFormat="1">
      <c r="B44" s="29" t="s">
        <v>30</v>
      </c>
      <c r="C44" s="15"/>
      <c r="D44" s="15"/>
    </row>
    <row r="45" spans="2:5" s="1" customFormat="1" ht="30">
      <c r="B45" s="30" t="s">
        <v>84</v>
      </c>
      <c r="C45" s="16"/>
      <c r="D45" s="16"/>
    </row>
    <row r="46" spans="2:5" s="1" customFormat="1">
      <c r="B46" s="17" t="s">
        <v>99</v>
      </c>
      <c r="C46" s="17" t="s">
        <v>98</v>
      </c>
      <c r="D46" s="17" t="s">
        <v>0</v>
      </c>
    </row>
    <row r="47" spans="2:5" ht="30">
      <c r="B47" s="18" t="s">
        <v>196</v>
      </c>
      <c r="C47" s="38"/>
      <c r="D47" s="18" t="s">
        <v>10</v>
      </c>
      <c r="E47" s="8"/>
    </row>
    <row r="48" spans="2:5" ht="30">
      <c r="B48" s="18" t="s">
        <v>170</v>
      </c>
      <c r="C48" s="38"/>
      <c r="D48" s="18" t="s">
        <v>12</v>
      </c>
    </row>
    <row r="49" spans="2:5" ht="30">
      <c r="B49" s="18" t="s">
        <v>171</v>
      </c>
      <c r="C49" s="39"/>
      <c r="D49" s="18" t="s">
        <v>10</v>
      </c>
      <c r="E49" s="8"/>
    </row>
    <row r="50" spans="2:5" ht="30">
      <c r="B50" s="12" t="s">
        <v>197</v>
      </c>
      <c r="C50" s="40"/>
      <c r="D50" s="23" t="s">
        <v>162</v>
      </c>
      <c r="E50" s="2"/>
    </row>
    <row r="51" spans="2:5" ht="30">
      <c r="B51" s="12" t="s">
        <v>198</v>
      </c>
      <c r="C51" s="40"/>
      <c r="D51" s="23" t="s">
        <v>162</v>
      </c>
      <c r="E51" s="2"/>
    </row>
    <row r="52" spans="2:5" ht="30">
      <c r="B52" s="12" t="s">
        <v>168</v>
      </c>
      <c r="C52" s="40"/>
      <c r="D52" s="23" t="s">
        <v>162</v>
      </c>
      <c r="E52" s="2"/>
    </row>
    <row r="53" spans="2:5" ht="30">
      <c r="B53" s="12" t="s">
        <v>238</v>
      </c>
      <c r="C53" s="40"/>
      <c r="D53" s="23" t="s">
        <v>162</v>
      </c>
      <c r="E53" s="2"/>
    </row>
    <row r="54" spans="2:5" ht="30">
      <c r="B54" s="12" t="s">
        <v>169</v>
      </c>
      <c r="C54" s="40"/>
      <c r="D54" s="23" t="s">
        <v>162</v>
      </c>
      <c r="E54" s="2"/>
    </row>
    <row r="55" spans="2:5">
      <c r="B55" s="12" t="s">
        <v>199</v>
      </c>
      <c r="C55" s="41"/>
      <c r="D55" s="3" t="s">
        <v>9</v>
      </c>
      <c r="E55" s="2"/>
    </row>
    <row r="56" spans="2:5">
      <c r="B56" s="12" t="s">
        <v>88</v>
      </c>
      <c r="C56" s="36"/>
      <c r="D56" s="3" t="s">
        <v>90</v>
      </c>
      <c r="E56" s="2"/>
    </row>
    <row r="57" spans="2:5">
      <c r="B57" s="12" t="s">
        <v>172</v>
      </c>
      <c r="C57" s="36"/>
      <c r="D57" s="3" t="s">
        <v>90</v>
      </c>
      <c r="E57" s="2"/>
    </row>
    <row r="58" spans="2:5">
      <c r="B58" s="12" t="s">
        <v>89</v>
      </c>
      <c r="C58" s="36"/>
      <c r="D58" s="3" t="s">
        <v>90</v>
      </c>
      <c r="E58" s="2"/>
    </row>
    <row r="59" spans="2:5">
      <c r="B59" s="18" t="s">
        <v>173</v>
      </c>
      <c r="C59" s="37"/>
      <c r="D59" s="18" t="s">
        <v>10</v>
      </c>
      <c r="E59" s="8"/>
    </row>
    <row r="60" spans="2:5">
      <c r="B60" s="18" t="s">
        <v>174</v>
      </c>
      <c r="C60" s="37"/>
      <c r="D60" s="18" t="s">
        <v>12</v>
      </c>
      <c r="E60" s="8"/>
    </row>
    <row r="61" spans="2:5">
      <c r="B61" s="18" t="s">
        <v>175</v>
      </c>
      <c r="C61" s="42"/>
      <c r="D61" s="18" t="s">
        <v>10</v>
      </c>
      <c r="E61" s="8"/>
    </row>
    <row r="62" spans="2:5">
      <c r="B62" s="18" t="s">
        <v>176</v>
      </c>
      <c r="C62" s="42"/>
      <c r="D62" s="18" t="s">
        <v>12</v>
      </c>
      <c r="E62" s="8"/>
    </row>
    <row r="63" spans="2:5">
      <c r="B63" s="12" t="s">
        <v>178</v>
      </c>
      <c r="C63" s="42"/>
      <c r="D63" s="12" t="s">
        <v>3</v>
      </c>
      <c r="E63" s="8"/>
    </row>
    <row r="64" spans="2:5">
      <c r="B64" s="12" t="s">
        <v>177</v>
      </c>
      <c r="C64" s="42"/>
      <c r="D64" s="12" t="s">
        <v>13</v>
      </c>
      <c r="E64" s="8"/>
    </row>
    <row r="65" spans="2:5">
      <c r="B65" s="12" t="s">
        <v>179</v>
      </c>
      <c r="C65" s="42"/>
      <c r="D65" s="12" t="s">
        <v>3</v>
      </c>
      <c r="E65" s="8"/>
    </row>
    <row r="66" spans="2:5" ht="30">
      <c r="B66" s="12" t="s">
        <v>180</v>
      </c>
      <c r="C66" s="42"/>
      <c r="D66" s="12" t="s">
        <v>3</v>
      </c>
      <c r="E66" s="8"/>
    </row>
    <row r="67" spans="2:5" s="1" customFormat="1">
      <c r="B67" s="29" t="s">
        <v>31</v>
      </c>
      <c r="C67" s="15"/>
      <c r="D67" s="15"/>
    </row>
    <row r="68" spans="2:5" s="1" customFormat="1">
      <c r="B68" s="30" t="s">
        <v>85</v>
      </c>
      <c r="C68" s="16"/>
      <c r="D68" s="16"/>
    </row>
    <row r="69" spans="2:5" s="1" customFormat="1">
      <c r="B69" s="17" t="s">
        <v>99</v>
      </c>
      <c r="C69" s="17" t="s">
        <v>98</v>
      </c>
      <c r="D69" s="17" t="s">
        <v>0</v>
      </c>
    </row>
    <row r="70" spans="2:5">
      <c r="B70" s="18" t="s">
        <v>66</v>
      </c>
      <c r="C70" s="43"/>
      <c r="D70" s="18" t="s">
        <v>76</v>
      </c>
      <c r="E70" s="2"/>
    </row>
    <row r="71" spans="2:5">
      <c r="B71" s="18" t="s">
        <v>73</v>
      </c>
      <c r="C71" s="43"/>
      <c r="D71" s="18" t="s">
        <v>76</v>
      </c>
      <c r="E71" s="2"/>
    </row>
    <row r="72" spans="2:5">
      <c r="B72" s="18" t="s">
        <v>74</v>
      </c>
      <c r="C72" s="43"/>
      <c r="D72" s="18" t="s">
        <v>76</v>
      </c>
      <c r="E72" s="2"/>
    </row>
    <row r="73" spans="2:5">
      <c r="B73" s="18" t="s">
        <v>75</v>
      </c>
      <c r="C73" s="43"/>
      <c r="D73" s="18" t="s">
        <v>76</v>
      </c>
      <c r="E73" s="2"/>
    </row>
    <row r="74" spans="2:5">
      <c r="B74" s="18" t="s">
        <v>67</v>
      </c>
      <c r="C74" s="43"/>
      <c r="D74" s="18" t="s">
        <v>76</v>
      </c>
      <c r="E74" s="2"/>
    </row>
    <row r="75" spans="2:5">
      <c r="B75" s="18" t="s">
        <v>68</v>
      </c>
      <c r="C75" s="18"/>
      <c r="D75" s="18" t="s">
        <v>26</v>
      </c>
      <c r="E75" s="2"/>
    </row>
    <row r="76" spans="2:5">
      <c r="B76" s="18" t="s">
        <v>69</v>
      </c>
      <c r="C76" s="18"/>
      <c r="D76" s="18" t="s">
        <v>26</v>
      </c>
      <c r="E76" s="2"/>
    </row>
    <row r="77" spans="2:5">
      <c r="B77" s="18" t="s">
        <v>70</v>
      </c>
      <c r="C77" s="18"/>
      <c r="D77" s="18" t="s">
        <v>26</v>
      </c>
      <c r="E77" s="2"/>
    </row>
    <row r="78" spans="2:5">
      <c r="B78" s="18" t="s">
        <v>71</v>
      </c>
      <c r="C78" s="18"/>
      <c r="D78" s="18" t="s">
        <v>26</v>
      </c>
      <c r="E78" s="2"/>
    </row>
    <row r="79" spans="2:5">
      <c r="B79" s="18" t="s">
        <v>72</v>
      </c>
      <c r="C79" s="18"/>
      <c r="D79" s="18" t="s">
        <v>26</v>
      </c>
      <c r="E79" s="2"/>
    </row>
    <row r="80" spans="2:5">
      <c r="B80" s="18" t="s">
        <v>82</v>
      </c>
      <c r="C80" s="42"/>
      <c r="D80" s="18" t="s">
        <v>16</v>
      </c>
    </row>
    <row r="81" spans="2:5">
      <c r="B81" s="18" t="s">
        <v>83</v>
      </c>
      <c r="C81" s="40"/>
      <c r="D81" s="18" t="s">
        <v>16</v>
      </c>
    </row>
    <row r="82" spans="2:5">
      <c r="B82" s="18" t="s">
        <v>86</v>
      </c>
      <c r="C82" s="40"/>
      <c r="D82" s="18" t="s">
        <v>16</v>
      </c>
    </row>
    <row r="83" spans="2:5">
      <c r="B83" s="18" t="s">
        <v>80</v>
      </c>
      <c r="C83" s="42"/>
      <c r="D83" s="18" t="s">
        <v>19</v>
      </c>
      <c r="E83" s="2"/>
    </row>
    <row r="84" spans="2:5">
      <c r="B84" s="18" t="s">
        <v>77</v>
      </c>
      <c r="C84" s="40"/>
      <c r="D84" s="18" t="s">
        <v>19</v>
      </c>
    </row>
    <row r="85" spans="2:5">
      <c r="B85" s="18" t="s">
        <v>87</v>
      </c>
      <c r="C85" s="40"/>
      <c r="D85" s="18" t="s">
        <v>19</v>
      </c>
    </row>
    <row r="86" spans="2:5">
      <c r="B86" s="18" t="s">
        <v>81</v>
      </c>
      <c r="C86" s="40"/>
      <c r="D86" s="18" t="s">
        <v>19</v>
      </c>
      <c r="E86" s="2"/>
    </row>
    <row r="87" spans="2:5">
      <c r="B87" s="18" t="s">
        <v>78</v>
      </c>
      <c r="C87" s="40"/>
      <c r="D87" s="18" t="s">
        <v>19</v>
      </c>
      <c r="E87" s="2"/>
    </row>
    <row r="88" spans="2:5" ht="30">
      <c r="B88" s="18" t="s">
        <v>79</v>
      </c>
      <c r="C88" s="3"/>
      <c r="D88" s="18" t="s">
        <v>19</v>
      </c>
      <c r="E88" s="2"/>
    </row>
    <row r="89" spans="2:5" ht="30">
      <c r="B89" s="44" t="s">
        <v>181</v>
      </c>
      <c r="C89" s="42"/>
      <c r="D89" s="24" t="s">
        <v>163</v>
      </c>
      <c r="E89" s="2"/>
    </row>
    <row r="90" spans="2:5" ht="30">
      <c r="B90" s="44" t="s">
        <v>48</v>
      </c>
      <c r="C90" s="42"/>
      <c r="D90" s="24" t="s">
        <v>164</v>
      </c>
      <c r="E90" s="2"/>
    </row>
    <row r="91" spans="2:5" ht="30">
      <c r="B91" s="12" t="s">
        <v>182</v>
      </c>
      <c r="C91" s="42"/>
      <c r="D91" s="24" t="s">
        <v>165</v>
      </c>
      <c r="E91" s="2"/>
    </row>
    <row r="92" spans="2:5" ht="30">
      <c r="B92" s="44" t="s">
        <v>47</v>
      </c>
      <c r="C92" s="3"/>
      <c r="D92" s="24" t="s">
        <v>166</v>
      </c>
      <c r="E92" s="2"/>
    </row>
    <row r="93" spans="2:5">
      <c r="B93" s="29" t="s">
        <v>32</v>
      </c>
      <c r="C93" s="45"/>
      <c r="D93" s="19"/>
      <c r="E93" s="2"/>
    </row>
    <row r="94" spans="2:5">
      <c r="B94" s="30" t="s">
        <v>55</v>
      </c>
      <c r="C94" s="16"/>
      <c r="D94" s="16"/>
      <c r="E94" s="2"/>
    </row>
    <row r="95" spans="2:5">
      <c r="B95" s="17" t="s">
        <v>99</v>
      </c>
      <c r="C95" s="17" t="s">
        <v>98</v>
      </c>
      <c r="D95" s="17" t="s">
        <v>0</v>
      </c>
      <c r="E95" s="2"/>
    </row>
    <row r="96" spans="2:5">
      <c r="B96" s="12" t="s">
        <v>14</v>
      </c>
      <c r="C96" s="46"/>
      <c r="D96" s="12" t="s">
        <v>7</v>
      </c>
    </row>
    <row r="97" spans="2:5">
      <c r="B97" s="12" t="s">
        <v>183</v>
      </c>
      <c r="C97" s="47"/>
      <c r="D97" s="12" t="s">
        <v>20</v>
      </c>
      <c r="E97" s="13"/>
    </row>
    <row r="98" spans="2:5">
      <c r="B98" s="12" t="s">
        <v>200</v>
      </c>
      <c r="C98" s="47"/>
      <c r="D98" s="12" t="s">
        <v>20</v>
      </c>
      <c r="E98" s="13"/>
    </row>
    <row r="99" spans="2:5">
      <c r="B99" s="12" t="s">
        <v>49</v>
      </c>
      <c r="C99" s="47"/>
      <c r="D99" s="12" t="s">
        <v>20</v>
      </c>
      <c r="E99" s="13"/>
    </row>
    <row r="100" spans="2:5">
      <c r="B100" s="12" t="s">
        <v>50</v>
      </c>
      <c r="C100" s="47"/>
      <c r="D100" s="12" t="s">
        <v>20</v>
      </c>
      <c r="E100" s="13"/>
    </row>
    <row r="101" spans="2:5">
      <c r="B101" s="18" t="s">
        <v>51</v>
      </c>
      <c r="C101" s="48"/>
      <c r="D101" s="12" t="s">
        <v>20</v>
      </c>
      <c r="E101" s="13"/>
    </row>
    <row r="102" spans="2:5">
      <c r="B102" s="18" t="s">
        <v>91</v>
      </c>
      <c r="C102" s="49"/>
      <c r="D102" s="18" t="s">
        <v>15</v>
      </c>
    </row>
    <row r="103" spans="2:5">
      <c r="B103" s="12" t="s">
        <v>18</v>
      </c>
      <c r="C103" s="50"/>
      <c r="D103" s="12" t="s">
        <v>188</v>
      </c>
    </row>
    <row r="104" spans="2:5">
      <c r="B104" s="12" t="s">
        <v>184</v>
      </c>
      <c r="C104" s="51"/>
      <c r="D104" s="12" t="s">
        <v>188</v>
      </c>
      <c r="E104" s="9"/>
    </row>
    <row r="105" spans="2:5">
      <c r="B105" s="12" t="s">
        <v>201</v>
      </c>
      <c r="C105" s="51"/>
      <c r="D105" s="12" t="s">
        <v>188</v>
      </c>
      <c r="E105" s="2"/>
    </row>
    <row r="106" spans="2:5">
      <c r="B106" s="12" t="s">
        <v>185</v>
      </c>
      <c r="C106" s="51"/>
      <c r="D106" s="12" t="s">
        <v>188</v>
      </c>
      <c r="E106" s="14"/>
    </row>
    <row r="107" spans="2:5">
      <c r="B107" s="12" t="s">
        <v>186</v>
      </c>
      <c r="C107" s="51"/>
      <c r="D107" s="12" t="s">
        <v>188</v>
      </c>
      <c r="E107" s="2"/>
    </row>
    <row r="108" spans="2:5">
      <c r="B108" s="12" t="s">
        <v>187</v>
      </c>
      <c r="C108" s="51"/>
      <c r="D108" s="12" t="s">
        <v>188</v>
      </c>
      <c r="E108" s="9"/>
    </row>
    <row r="109" spans="2:5">
      <c r="B109" s="52" t="s">
        <v>23</v>
      </c>
      <c r="C109" s="53"/>
      <c r="D109" s="18" t="s">
        <v>25</v>
      </c>
      <c r="E109" s="2"/>
    </row>
    <row r="110" spans="2:5">
      <c r="B110" s="52" t="s">
        <v>24</v>
      </c>
      <c r="C110" s="54"/>
      <c r="D110" s="18" t="s">
        <v>25</v>
      </c>
      <c r="E110" s="2"/>
    </row>
    <row r="111" spans="2:5" s="1" customFormat="1">
      <c r="B111" s="12" t="s">
        <v>53</v>
      </c>
      <c r="C111" s="55"/>
      <c r="D111" s="12" t="s">
        <v>52</v>
      </c>
    </row>
    <row r="112" spans="2:5" ht="30">
      <c r="B112" s="18" t="s">
        <v>189</v>
      </c>
      <c r="C112" s="56"/>
      <c r="D112" s="18" t="s">
        <v>10</v>
      </c>
      <c r="E112" s="2"/>
    </row>
    <row r="113" spans="2:5">
      <c r="B113" s="18" t="s">
        <v>60</v>
      </c>
      <c r="C113" s="57"/>
      <c r="D113" s="18" t="s">
        <v>11</v>
      </c>
    </row>
    <row r="114" spans="2:5">
      <c r="B114" s="18" t="s">
        <v>59</v>
      </c>
      <c r="C114" s="58"/>
      <c r="D114" s="18" t="s">
        <v>11</v>
      </c>
    </row>
    <row r="115" spans="2:5">
      <c r="B115" s="18" t="s">
        <v>62</v>
      </c>
      <c r="C115" s="57"/>
      <c r="D115" s="18" t="s">
        <v>11</v>
      </c>
    </row>
    <row r="116" spans="2:5">
      <c r="B116" s="18" t="s">
        <v>190</v>
      </c>
      <c r="C116" s="58"/>
      <c r="D116" s="18" t="s">
        <v>11</v>
      </c>
      <c r="E116" s="10"/>
    </row>
    <row r="117" spans="2:5">
      <c r="B117" s="18" t="s">
        <v>61</v>
      </c>
      <c r="C117" s="58"/>
      <c r="D117" s="18" t="s">
        <v>11</v>
      </c>
    </row>
    <row r="118" spans="2:5">
      <c r="B118" s="18" t="s">
        <v>64</v>
      </c>
      <c r="C118" s="57"/>
      <c r="D118" s="12" t="s">
        <v>17</v>
      </c>
    </row>
    <row r="119" spans="2:5">
      <c r="B119" s="12" t="s">
        <v>63</v>
      </c>
      <c r="C119" s="58"/>
      <c r="D119" s="12" t="s">
        <v>17</v>
      </c>
    </row>
    <row r="120" spans="2:5">
      <c r="B120" s="12" t="s">
        <v>65</v>
      </c>
      <c r="C120" s="43"/>
      <c r="D120" s="12" t="s">
        <v>17</v>
      </c>
    </row>
    <row r="121" spans="2:5">
      <c r="B121" s="29" t="s">
        <v>33</v>
      </c>
      <c r="C121" s="45"/>
      <c r="D121" s="19"/>
      <c r="E121" s="2"/>
    </row>
    <row r="122" spans="2:5" ht="30">
      <c r="B122" s="30" t="s">
        <v>100</v>
      </c>
      <c r="C122" s="16"/>
      <c r="D122" s="16"/>
      <c r="E122" s="2"/>
    </row>
    <row r="123" spans="2:5">
      <c r="B123" s="17" t="s">
        <v>99</v>
      </c>
      <c r="C123" s="17" t="s">
        <v>98</v>
      </c>
      <c r="D123" s="17" t="s">
        <v>0</v>
      </c>
      <c r="E123" s="2"/>
    </row>
    <row r="124" spans="2:5" s="1" customFormat="1" ht="30">
      <c r="B124" s="3" t="s">
        <v>104</v>
      </c>
      <c r="C124" s="34"/>
      <c r="D124" s="3" t="s">
        <v>22</v>
      </c>
    </row>
    <row r="125" spans="2:5">
      <c r="B125" s="4" t="s">
        <v>202</v>
      </c>
      <c r="C125" s="59"/>
      <c r="D125" s="28" t="s">
        <v>22</v>
      </c>
    </row>
    <row r="126" spans="2:5">
      <c r="B126" s="4" t="s">
        <v>203</v>
      </c>
      <c r="C126" s="59"/>
      <c r="D126" s="28" t="s">
        <v>22</v>
      </c>
    </row>
    <row r="127" spans="2:5">
      <c r="B127" s="4" t="s">
        <v>204</v>
      </c>
      <c r="C127" s="59"/>
      <c r="D127" s="28" t="s">
        <v>22</v>
      </c>
    </row>
    <row r="128" spans="2:5">
      <c r="B128" s="4" t="s">
        <v>205</v>
      </c>
      <c r="C128" s="59"/>
      <c r="D128" s="28" t="s">
        <v>22</v>
      </c>
    </row>
    <row r="129" spans="2:5">
      <c r="B129" s="5" t="s">
        <v>206</v>
      </c>
      <c r="C129" s="59"/>
      <c r="D129" s="28" t="s">
        <v>22</v>
      </c>
    </row>
    <row r="130" spans="2:5" ht="30">
      <c r="B130" s="5" t="s">
        <v>250</v>
      </c>
      <c r="C130" s="59"/>
      <c r="D130" s="28" t="s">
        <v>22</v>
      </c>
    </row>
    <row r="131" spans="2:5" ht="30">
      <c r="B131" s="28" t="s">
        <v>207</v>
      </c>
      <c r="C131" s="59"/>
      <c r="D131" s="28" t="s">
        <v>22</v>
      </c>
    </row>
    <row r="132" spans="2:5" ht="30">
      <c r="B132" s="44" t="s">
        <v>106</v>
      </c>
      <c r="C132" s="35"/>
      <c r="D132" s="25" t="s">
        <v>167</v>
      </c>
    </row>
    <row r="133" spans="2:5" s="1" customFormat="1" ht="30">
      <c r="B133" s="44" t="s">
        <v>107</v>
      </c>
      <c r="C133" s="60"/>
      <c r="D133" s="25" t="s">
        <v>167</v>
      </c>
    </row>
    <row r="134" spans="2:5" s="1" customFormat="1" ht="30">
      <c r="B134" s="44" t="s">
        <v>108</v>
      </c>
      <c r="C134" s="60"/>
      <c r="D134" s="25" t="s">
        <v>167</v>
      </c>
    </row>
    <row r="135" spans="2:5" s="1" customFormat="1" ht="30">
      <c r="B135" s="44" t="s">
        <v>109</v>
      </c>
      <c r="C135" s="60"/>
      <c r="D135" s="25" t="s">
        <v>167</v>
      </c>
    </row>
    <row r="136" spans="2:5" s="1" customFormat="1" ht="30">
      <c r="B136" s="44" t="s">
        <v>110</v>
      </c>
      <c r="C136" s="60"/>
      <c r="D136" s="25" t="s">
        <v>167</v>
      </c>
    </row>
    <row r="137" spans="2:5" s="1" customFormat="1" ht="30">
      <c r="B137" s="44" t="s">
        <v>111</v>
      </c>
      <c r="C137" s="60"/>
      <c r="D137" s="25" t="s">
        <v>167</v>
      </c>
    </row>
    <row r="138" spans="2:5" s="1" customFormat="1" ht="30">
      <c r="B138" s="3" t="s">
        <v>112</v>
      </c>
      <c r="C138" s="3"/>
      <c r="D138" s="25" t="s">
        <v>167</v>
      </c>
    </row>
    <row r="139" spans="2:5" s="1" customFormat="1">
      <c r="B139" s="12" t="s">
        <v>93</v>
      </c>
      <c r="C139" s="61"/>
      <c r="D139" s="12" t="s">
        <v>54</v>
      </c>
    </row>
    <row r="140" spans="2:5" s="1" customFormat="1" ht="30">
      <c r="B140" s="3" t="s">
        <v>105</v>
      </c>
      <c r="C140" s="34"/>
      <c r="D140" s="3" t="s">
        <v>22</v>
      </c>
      <c r="E140" s="2"/>
    </row>
    <row r="141" spans="2:5">
      <c r="B141" s="4" t="s">
        <v>208</v>
      </c>
      <c r="C141" s="59"/>
      <c r="D141" s="28" t="s">
        <v>22</v>
      </c>
      <c r="E141" s="2"/>
    </row>
    <row r="142" spans="2:5">
      <c r="B142" s="4" t="s">
        <v>209</v>
      </c>
      <c r="C142" s="59"/>
      <c r="D142" s="28" t="s">
        <v>22</v>
      </c>
      <c r="E142" s="2"/>
    </row>
    <row r="143" spans="2:5">
      <c r="B143" s="4" t="s">
        <v>210</v>
      </c>
      <c r="C143" s="59"/>
      <c r="D143" s="28" t="s">
        <v>22</v>
      </c>
      <c r="E143" s="2"/>
    </row>
    <row r="144" spans="2:5">
      <c r="B144" s="4" t="s">
        <v>211</v>
      </c>
      <c r="C144" s="59"/>
      <c r="D144" s="28" t="s">
        <v>22</v>
      </c>
      <c r="E144" s="2"/>
    </row>
    <row r="145" spans="2:5">
      <c r="B145" s="5" t="s">
        <v>212</v>
      </c>
      <c r="C145" s="59"/>
      <c r="D145" s="28" t="s">
        <v>22</v>
      </c>
      <c r="E145" s="2"/>
    </row>
    <row r="146" spans="2:5">
      <c r="B146" s="5" t="s">
        <v>213</v>
      </c>
      <c r="C146" s="59"/>
      <c r="D146" s="28" t="s">
        <v>22</v>
      </c>
      <c r="E146" s="2"/>
    </row>
    <row r="147" spans="2:5">
      <c r="B147" s="28" t="s">
        <v>214</v>
      </c>
      <c r="C147" s="59"/>
      <c r="D147" s="28" t="s">
        <v>22</v>
      </c>
      <c r="E147" s="2"/>
    </row>
    <row r="148" spans="2:5" ht="30">
      <c r="B148" s="44" t="s">
        <v>113</v>
      </c>
      <c r="C148" s="35"/>
      <c r="D148" s="25" t="s">
        <v>167</v>
      </c>
    </row>
    <row r="149" spans="2:5" s="1" customFormat="1" ht="30">
      <c r="B149" s="44" t="s">
        <v>114</v>
      </c>
      <c r="C149" s="60"/>
      <c r="D149" s="25" t="s">
        <v>167</v>
      </c>
    </row>
    <row r="150" spans="2:5" s="1" customFormat="1" ht="30">
      <c r="B150" s="44" t="s">
        <v>115</v>
      </c>
      <c r="C150" s="60"/>
      <c r="D150" s="25" t="s">
        <v>167</v>
      </c>
    </row>
    <row r="151" spans="2:5" s="1" customFormat="1" ht="30">
      <c r="B151" s="44" t="s">
        <v>116</v>
      </c>
      <c r="C151" s="60"/>
      <c r="D151" s="25" t="s">
        <v>167</v>
      </c>
    </row>
    <row r="152" spans="2:5" s="1" customFormat="1" ht="30">
      <c r="B152" s="44" t="s">
        <v>117</v>
      </c>
      <c r="C152" s="60"/>
      <c r="D152" s="25" t="s">
        <v>167</v>
      </c>
    </row>
    <row r="153" spans="2:5" s="1" customFormat="1" ht="30">
      <c r="B153" s="44" t="s">
        <v>118</v>
      </c>
      <c r="C153" s="60"/>
      <c r="D153" s="25" t="s">
        <v>167</v>
      </c>
    </row>
    <row r="154" spans="2:5" s="1" customFormat="1" ht="30">
      <c r="B154" s="3" t="s">
        <v>119</v>
      </c>
      <c r="C154" s="3"/>
      <c r="D154" s="25" t="s">
        <v>167</v>
      </c>
    </row>
    <row r="155" spans="2:5" s="1" customFormat="1">
      <c r="B155" s="29" t="s">
        <v>34</v>
      </c>
      <c r="C155" s="45"/>
      <c r="D155" s="19"/>
    </row>
    <row r="156" spans="2:5" s="1" customFormat="1">
      <c r="B156" s="30" t="s">
        <v>102</v>
      </c>
      <c r="C156" s="16"/>
      <c r="D156" s="16"/>
      <c r="E156" s="2"/>
    </row>
    <row r="157" spans="2:5" s="1" customFormat="1">
      <c r="B157" s="17" t="s">
        <v>99</v>
      </c>
      <c r="C157" s="17" t="s">
        <v>98</v>
      </c>
      <c r="D157" s="17" t="s">
        <v>0</v>
      </c>
      <c r="E157" s="2"/>
    </row>
    <row r="158" spans="2:5" s="1" customFormat="1">
      <c r="B158" s="12" t="s">
        <v>129</v>
      </c>
      <c r="C158" s="41"/>
      <c r="D158" s="12" t="s">
        <v>6</v>
      </c>
      <c r="E158" s="2"/>
    </row>
    <row r="159" spans="2:5" s="1" customFormat="1">
      <c r="B159" s="12" t="s">
        <v>120</v>
      </c>
      <c r="C159" s="41"/>
      <c r="D159" s="12" t="s">
        <v>6</v>
      </c>
      <c r="E159" s="2"/>
    </row>
    <row r="160" spans="2:5" s="1" customFormat="1">
      <c r="B160" s="12" t="s">
        <v>121</v>
      </c>
      <c r="C160" s="41"/>
      <c r="D160" s="12" t="s">
        <v>6</v>
      </c>
      <c r="E160" s="2"/>
    </row>
    <row r="161" spans="2:5" s="1" customFormat="1">
      <c r="B161" s="12" t="s">
        <v>122</v>
      </c>
      <c r="C161" s="41"/>
      <c r="D161" s="12" t="s">
        <v>6</v>
      </c>
      <c r="E161" s="2"/>
    </row>
    <row r="162" spans="2:5" s="1" customFormat="1">
      <c r="B162" s="12" t="s">
        <v>123</v>
      </c>
      <c r="C162" s="41"/>
      <c r="D162" s="12" t="s">
        <v>6</v>
      </c>
      <c r="E162" s="2"/>
    </row>
    <row r="163" spans="2:5">
      <c r="B163" s="12" t="s">
        <v>124</v>
      </c>
      <c r="C163" s="41"/>
      <c r="D163" s="12" t="s">
        <v>6</v>
      </c>
      <c r="E163" s="2"/>
    </row>
    <row r="164" spans="2:5">
      <c r="B164" s="12" t="s">
        <v>125</v>
      </c>
      <c r="C164" s="41"/>
      <c r="D164" s="12" t="s">
        <v>6</v>
      </c>
      <c r="E164" s="2"/>
    </row>
    <row r="165" spans="2:5">
      <c r="B165" s="12" t="s">
        <v>126</v>
      </c>
      <c r="C165" s="41"/>
      <c r="D165" s="12" t="s">
        <v>6</v>
      </c>
      <c r="E165" s="2"/>
    </row>
    <row r="166" spans="2:5">
      <c r="B166" s="12" t="s">
        <v>127</v>
      </c>
      <c r="C166" s="41"/>
      <c r="D166" s="12" t="s">
        <v>6</v>
      </c>
      <c r="E166" s="2"/>
    </row>
    <row r="167" spans="2:5">
      <c r="B167" s="12" t="s">
        <v>128</v>
      </c>
      <c r="C167" s="41"/>
      <c r="D167" s="12" t="s">
        <v>6</v>
      </c>
      <c r="E167" s="2"/>
    </row>
    <row r="168" spans="2:5" s="1" customFormat="1">
      <c r="B168" s="29" t="s">
        <v>35</v>
      </c>
      <c r="C168" s="45"/>
      <c r="D168" s="19"/>
      <c r="E168" s="2"/>
    </row>
    <row r="169" spans="2:5" s="1" customFormat="1" ht="30">
      <c r="B169" s="30" t="s">
        <v>101</v>
      </c>
      <c r="C169" s="16"/>
      <c r="D169" s="16"/>
      <c r="E169" s="2"/>
    </row>
    <row r="170" spans="2:5" s="1" customFormat="1">
      <c r="B170" s="17" t="s">
        <v>99</v>
      </c>
      <c r="C170" s="17" t="s">
        <v>98</v>
      </c>
      <c r="D170" s="17" t="s">
        <v>0</v>
      </c>
      <c r="E170" s="2"/>
    </row>
    <row r="171" spans="2:5" s="1" customFormat="1" ht="30">
      <c r="B171" s="3" t="s">
        <v>130</v>
      </c>
      <c r="C171" s="34"/>
      <c r="D171" s="3" t="s">
        <v>22</v>
      </c>
      <c r="E171" s="2"/>
    </row>
    <row r="172" spans="2:5" s="1" customFormat="1">
      <c r="B172" s="4" t="s">
        <v>215</v>
      </c>
      <c r="C172" s="59"/>
      <c r="D172" s="28" t="s">
        <v>22</v>
      </c>
    </row>
    <row r="173" spans="2:5" s="1" customFormat="1">
      <c r="B173" s="4" t="s">
        <v>216</v>
      </c>
      <c r="C173" s="59"/>
      <c r="D173" s="28" t="s">
        <v>22</v>
      </c>
    </row>
    <row r="174" spans="2:5" s="1" customFormat="1">
      <c r="B174" s="4" t="s">
        <v>217</v>
      </c>
      <c r="C174" s="59"/>
      <c r="D174" s="28" t="s">
        <v>22</v>
      </c>
    </row>
    <row r="175" spans="2:5" s="1" customFormat="1">
      <c r="B175" s="4" t="s">
        <v>218</v>
      </c>
      <c r="C175" s="59"/>
      <c r="D175" s="28" t="s">
        <v>22</v>
      </c>
    </row>
    <row r="176" spans="2:5" s="1" customFormat="1">
      <c r="B176" s="5" t="s">
        <v>219</v>
      </c>
      <c r="C176" s="59"/>
      <c r="D176" s="28" t="s">
        <v>22</v>
      </c>
    </row>
    <row r="177" spans="2:5" s="1" customFormat="1">
      <c r="B177" s="5" t="s">
        <v>220</v>
      </c>
      <c r="C177" s="59"/>
      <c r="D177" s="28" t="s">
        <v>22</v>
      </c>
    </row>
    <row r="178" spans="2:5" s="1" customFormat="1">
      <c r="B178" s="28" t="s">
        <v>221</v>
      </c>
      <c r="C178" s="59"/>
      <c r="D178" s="28" t="s">
        <v>22</v>
      </c>
    </row>
    <row r="179" spans="2:5" s="1" customFormat="1" ht="30">
      <c r="B179" s="44" t="s">
        <v>132</v>
      </c>
      <c r="C179" s="35"/>
      <c r="D179" s="25" t="s">
        <v>167</v>
      </c>
    </row>
    <row r="180" spans="2:5" s="1" customFormat="1" ht="30">
      <c r="B180" s="44" t="s">
        <v>133</v>
      </c>
      <c r="C180" s="60"/>
      <c r="D180" s="25" t="s">
        <v>167</v>
      </c>
    </row>
    <row r="181" spans="2:5" s="1" customFormat="1" ht="30">
      <c r="B181" s="44" t="s">
        <v>134</v>
      </c>
      <c r="C181" s="60"/>
      <c r="D181" s="25" t="s">
        <v>167</v>
      </c>
    </row>
    <row r="182" spans="2:5" s="1" customFormat="1" ht="30">
      <c r="B182" s="44" t="s">
        <v>135</v>
      </c>
      <c r="C182" s="60"/>
      <c r="D182" s="25" t="s">
        <v>167</v>
      </c>
    </row>
    <row r="183" spans="2:5" s="1" customFormat="1" ht="30">
      <c r="B183" s="44" t="s">
        <v>136</v>
      </c>
      <c r="C183" s="60"/>
      <c r="D183" s="25" t="s">
        <v>167</v>
      </c>
    </row>
    <row r="184" spans="2:5" s="1" customFormat="1" ht="30">
      <c r="B184" s="44" t="s">
        <v>137</v>
      </c>
      <c r="C184" s="60"/>
      <c r="D184" s="25" t="s">
        <v>167</v>
      </c>
    </row>
    <row r="185" spans="2:5" ht="30">
      <c r="B185" s="3" t="s">
        <v>138</v>
      </c>
      <c r="C185" s="3"/>
      <c r="D185" s="25" t="s">
        <v>167</v>
      </c>
    </row>
    <row r="186" spans="2:5" s="1" customFormat="1">
      <c r="B186" s="12" t="s">
        <v>92</v>
      </c>
      <c r="C186" s="61"/>
      <c r="D186" s="12" t="s">
        <v>54</v>
      </c>
      <c r="E186" s="2"/>
    </row>
    <row r="187" spans="2:5" s="1" customFormat="1" ht="30">
      <c r="B187" s="3" t="s">
        <v>131</v>
      </c>
      <c r="C187" s="34"/>
      <c r="D187" s="3" t="s">
        <v>22</v>
      </c>
      <c r="E187" s="2"/>
    </row>
    <row r="188" spans="2:5" s="1" customFormat="1">
      <c r="B188" s="4" t="s">
        <v>222</v>
      </c>
      <c r="C188" s="59"/>
      <c r="D188" s="28" t="s">
        <v>22</v>
      </c>
    </row>
    <row r="189" spans="2:5" s="1" customFormat="1">
      <c r="B189" s="4" t="s">
        <v>223</v>
      </c>
      <c r="C189" s="59"/>
      <c r="D189" s="28" t="s">
        <v>22</v>
      </c>
    </row>
    <row r="190" spans="2:5" s="1" customFormat="1">
      <c r="B190" s="4" t="s">
        <v>224</v>
      </c>
      <c r="C190" s="59"/>
      <c r="D190" s="28" t="s">
        <v>22</v>
      </c>
    </row>
    <row r="191" spans="2:5" s="1" customFormat="1">
      <c r="B191" s="4" t="s">
        <v>225</v>
      </c>
      <c r="C191" s="59"/>
      <c r="D191" s="28" t="s">
        <v>22</v>
      </c>
    </row>
    <row r="192" spans="2:5" s="1" customFormat="1">
      <c r="B192" s="5" t="s">
        <v>226</v>
      </c>
      <c r="C192" s="59"/>
      <c r="D192" s="28" t="s">
        <v>22</v>
      </c>
    </row>
    <row r="193" spans="2:5" s="1" customFormat="1">
      <c r="B193" s="5" t="s">
        <v>227</v>
      </c>
      <c r="C193" s="59"/>
      <c r="D193" s="28" t="s">
        <v>22</v>
      </c>
    </row>
    <row r="194" spans="2:5" s="1" customFormat="1">
      <c r="B194" s="28" t="s">
        <v>228</v>
      </c>
      <c r="C194" s="59"/>
      <c r="D194" s="28" t="s">
        <v>22</v>
      </c>
    </row>
    <row r="195" spans="2:5" s="1" customFormat="1" ht="30">
      <c r="B195" s="44" t="s">
        <v>139</v>
      </c>
      <c r="C195" s="35"/>
      <c r="D195" s="25" t="s">
        <v>167</v>
      </c>
    </row>
    <row r="196" spans="2:5" s="1" customFormat="1" ht="30">
      <c r="B196" s="44" t="s">
        <v>140</v>
      </c>
      <c r="C196" s="60"/>
      <c r="D196" s="25" t="s">
        <v>167</v>
      </c>
    </row>
    <row r="197" spans="2:5" s="1" customFormat="1" ht="30">
      <c r="B197" s="44" t="s">
        <v>141</v>
      </c>
      <c r="C197" s="60"/>
      <c r="D197" s="25" t="s">
        <v>167</v>
      </c>
    </row>
    <row r="198" spans="2:5" s="1" customFormat="1" ht="30">
      <c r="B198" s="44" t="s">
        <v>142</v>
      </c>
      <c r="C198" s="60"/>
      <c r="D198" s="25" t="s">
        <v>167</v>
      </c>
    </row>
    <row r="199" spans="2:5" s="1" customFormat="1" ht="30">
      <c r="B199" s="44" t="s">
        <v>143</v>
      </c>
      <c r="C199" s="60"/>
      <c r="D199" s="25" t="s">
        <v>167</v>
      </c>
    </row>
    <row r="200" spans="2:5" s="1" customFormat="1" ht="30">
      <c r="B200" s="44" t="s">
        <v>144</v>
      </c>
      <c r="C200" s="60"/>
      <c r="D200" s="25" t="s">
        <v>167</v>
      </c>
    </row>
    <row r="201" spans="2:5" ht="30">
      <c r="B201" s="3" t="s">
        <v>145</v>
      </c>
      <c r="C201" s="3"/>
      <c r="D201" s="25" t="s">
        <v>167</v>
      </c>
    </row>
    <row r="202" spans="2:5" s="1" customFormat="1">
      <c r="B202" s="29" t="s">
        <v>36</v>
      </c>
      <c r="C202" s="45"/>
      <c r="D202" s="19"/>
    </row>
    <row r="203" spans="2:5" s="1" customFormat="1">
      <c r="B203" s="30" t="s">
        <v>103</v>
      </c>
      <c r="C203" s="16"/>
      <c r="D203" s="16"/>
    </row>
    <row r="204" spans="2:5" s="1" customFormat="1">
      <c r="B204" s="17" t="s">
        <v>99</v>
      </c>
      <c r="C204" s="17" t="s">
        <v>98</v>
      </c>
      <c r="D204" s="17" t="s">
        <v>0</v>
      </c>
    </row>
    <row r="205" spans="2:5" s="1" customFormat="1">
      <c r="B205" s="12" t="s">
        <v>146</v>
      </c>
      <c r="C205" s="41"/>
      <c r="D205" s="12" t="s">
        <v>6</v>
      </c>
    </row>
    <row r="206" spans="2:5" s="1" customFormat="1">
      <c r="B206" s="12" t="s">
        <v>147</v>
      </c>
      <c r="C206" s="41"/>
      <c r="D206" s="12" t="s">
        <v>6</v>
      </c>
      <c r="E206" s="2"/>
    </row>
    <row r="207" spans="2:5" s="1" customFormat="1">
      <c r="B207" s="12" t="s">
        <v>148</v>
      </c>
      <c r="C207" s="41"/>
      <c r="D207" s="12" t="s">
        <v>6</v>
      </c>
      <c r="E207" s="2"/>
    </row>
    <row r="208" spans="2:5" s="1" customFormat="1">
      <c r="B208" s="12" t="s">
        <v>149</v>
      </c>
      <c r="C208" s="41"/>
      <c r="D208" s="12" t="s">
        <v>6</v>
      </c>
      <c r="E208" s="2"/>
    </row>
    <row r="209" spans="2:5" s="1" customFormat="1">
      <c r="B209" s="12" t="s">
        <v>150</v>
      </c>
      <c r="C209" s="41"/>
      <c r="D209" s="12" t="s">
        <v>6</v>
      </c>
      <c r="E209" s="2"/>
    </row>
    <row r="210" spans="2:5" s="1" customFormat="1">
      <c r="B210" s="12" t="s">
        <v>151</v>
      </c>
      <c r="C210" s="41"/>
      <c r="D210" s="12" t="s">
        <v>6</v>
      </c>
      <c r="E210" s="2"/>
    </row>
    <row r="211" spans="2:5" s="1" customFormat="1">
      <c r="B211" s="12" t="s">
        <v>152</v>
      </c>
      <c r="C211" s="41"/>
      <c r="D211" s="12" t="s">
        <v>6</v>
      </c>
      <c r="E211" s="2"/>
    </row>
    <row r="212" spans="2:5" s="1" customFormat="1">
      <c r="B212" s="12" t="s">
        <v>153</v>
      </c>
      <c r="C212" s="41"/>
      <c r="D212" s="12" t="s">
        <v>6</v>
      </c>
      <c r="E212" s="2"/>
    </row>
    <row r="213" spans="2:5" s="1" customFormat="1">
      <c r="B213" s="12" t="s">
        <v>154</v>
      </c>
      <c r="C213" s="41"/>
      <c r="D213" s="12" t="s">
        <v>6</v>
      </c>
      <c r="E213" s="2"/>
    </row>
    <row r="214" spans="2:5" s="1" customFormat="1">
      <c r="B214" s="12" t="s">
        <v>155</v>
      </c>
      <c r="C214" s="41"/>
      <c r="D214" s="12" t="s">
        <v>6</v>
      </c>
      <c r="E214" s="2"/>
    </row>
    <row r="215" spans="2:5">
      <c r="B215" s="20"/>
      <c r="C215" s="20"/>
    </row>
    <row r="216" spans="2:5">
      <c r="B216" s="20"/>
      <c r="C216" s="20"/>
    </row>
    <row r="217" spans="2:5">
      <c r="B217" s="20"/>
      <c r="C217" s="20"/>
    </row>
    <row r="218" spans="2:5">
      <c r="B218" s="20"/>
      <c r="C218" s="20"/>
    </row>
    <row r="219" spans="2:5">
      <c r="B219" s="20"/>
      <c r="C219" s="20"/>
    </row>
    <row r="220" spans="2:5"/>
  </sheetData>
  <mergeCells count="13">
    <mergeCell ref="B4:C4"/>
    <mergeCell ref="B3:C3"/>
    <mergeCell ref="B1:C1"/>
    <mergeCell ref="B2:C2"/>
    <mergeCell ref="B13:C13"/>
    <mergeCell ref="B12:C12"/>
    <mergeCell ref="B11:C11"/>
    <mergeCell ref="B10:C10"/>
    <mergeCell ref="B9:C9"/>
    <mergeCell ref="B8:C8"/>
    <mergeCell ref="B7:C7"/>
    <mergeCell ref="B6:C6"/>
    <mergeCell ref="B5:C5"/>
  </mergeCells>
  <pageMargins left="0.7" right="0.7" top="0.75" bottom="0.75" header="0.3" footer="0.3"/>
  <pageSetup paperSize="9" scale="35" fitToHeight="0"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Feuilles de calcul</vt:lpstr>
      </vt:variant>
      <vt:variant>
        <vt:i4>2</vt:i4>
      </vt:variant>
    </vt:vector>
  </HeadingPairs>
  <TitlesOfParts>
    <vt:vector size="2" baseType="lpstr">
      <vt:lpstr>Instructions</vt:lpstr>
      <vt:lpstr>Calibration Data</vt:lpstr>
    </vt:vector>
  </TitlesOfParts>
  <Company>SciencesPo</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Yann BRIAND</dc:creator>
  <cp:lastModifiedBy>Yann Briand, IDDRI</cp:lastModifiedBy>
  <cp:lastPrinted>2017-10-25T08:56:54Z</cp:lastPrinted>
  <dcterms:created xsi:type="dcterms:W3CDTF">2017-01-25T10:13:25Z</dcterms:created>
  <dcterms:modified xsi:type="dcterms:W3CDTF">2018-11-22T18:10:47Z</dcterms:modified>
</cp:coreProperties>
</file>